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21CC2422-F718-4DE2-A043-004A6CC27DFF}" xr6:coauthVersionLast="36" xr6:coauthVersionMax="36" xr10:uidLastSave="{00000000-0000-0000-0000-000000000000}"/>
  <bookViews>
    <workbookView xWindow="0" yWindow="0" windowWidth="25200" windowHeight="11685" tabRatio="747" xr2:uid="{00000000-000D-0000-FFFF-FFFF00000000}"/>
  </bookViews>
  <sheets>
    <sheet name="Cover" sheetId="73" r:id="rId1"/>
    <sheet name="Financial 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A$1:$I$74</definedName>
    <definedName name="_xlnm.Print_Area" localSheetId="0">Cover!$A$1:$N$24</definedName>
    <definedName name="_xlnm.Print_Area" localSheetId="1">'Financial Summary'!$B$1:$H$106</definedName>
    <definedName name="_xlnm.Print_Area" localSheetId="2">'Information by Segment'!$B$1:$H$60</definedName>
    <definedName name="_xlnm.Print_Area" localSheetId="5">'Statements of Cash Flows'!$B$1:$H$10</definedName>
    <definedName name="_xlnm.Print_Area" localSheetId="4">'Statements of Operation'!$B$1:$H$48</definedName>
    <definedName name="_xlnm.Print_Titles" localSheetId="1">'Financial Summary'!$1:$1</definedName>
    <definedName name="_xlnm.Print_Titles" localSheetId="2">'Information by Segment'!$1:$1</definedName>
    <definedName name="_xlnm.Print_Titles" localSheetId="5">'Statements of Cash Flows'!$1:$1</definedName>
  </definedNames>
  <calcPr calcId="152511"/>
</workbook>
</file>

<file path=xl/sharedStrings.xml><?xml version="1.0" encoding="utf-8"?>
<sst xmlns="http://schemas.openxmlformats.org/spreadsheetml/2006/main" count="662" uniqueCount="273">
  <si>
    <t>CONSOLIDATED BALANCE SHEETS</t>
    <phoneticPr fontId="1"/>
  </si>
  <si>
    <t>CONSOLIDATED STATEMENTS OF CASH FLOWS</t>
    <phoneticPr fontId="1"/>
  </si>
  <si>
    <t>Capital surplus</t>
  </si>
  <si>
    <t>CONSOLIDATED FINANCIAL HIGHLIGHTS</t>
    <phoneticPr fontId="1"/>
  </si>
  <si>
    <t>CONTENTS</t>
    <phoneticPr fontId="1"/>
  </si>
  <si>
    <t>FINANCIAL SUMMARY</t>
    <phoneticPr fontId="1"/>
  </si>
  <si>
    <t>Net Sales</t>
  </si>
  <si>
    <t>MJPY</t>
  </si>
  <si>
    <t>%</t>
  </si>
  <si>
    <t>Return on Equity (ROE)</t>
  </si>
  <si>
    <t>Return on Assets (ROA)</t>
  </si>
  <si>
    <t>Total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Price Book Value Ratio (PBR)</t>
  </si>
  <si>
    <t>Price Earnings Ratio (PER)</t>
  </si>
  <si>
    <t>-</t>
  </si>
  <si>
    <t>Sales by Region</t>
  </si>
  <si>
    <t>Japan</t>
  </si>
  <si>
    <t>The Americas</t>
  </si>
  <si>
    <t>Europe</t>
  </si>
  <si>
    <t>China</t>
  </si>
  <si>
    <t>Overseas Sales Ratio</t>
  </si>
  <si>
    <t>Others</t>
  </si>
  <si>
    <t/>
  </si>
  <si>
    <t>Cash Dividends per Share</t>
  </si>
  <si>
    <t>(Millions of yen)</t>
    <phoneticPr fontId="1"/>
  </si>
  <si>
    <t>Restructuring charges</t>
  </si>
  <si>
    <t>Provision for loss on litigation</t>
  </si>
  <si>
    <t>Total current assets</t>
  </si>
  <si>
    <t xml:space="preserve">Buildings and structures </t>
  </si>
  <si>
    <t>Construction in progress</t>
  </si>
  <si>
    <t>Total current liabilities</t>
  </si>
  <si>
    <t>ASSETS</t>
    <phoneticPr fontId="1"/>
  </si>
  <si>
    <t>Remeasurements of defined benefit plans</t>
    <phoneticPr fontId="1"/>
  </si>
  <si>
    <t>Sharp Corporation and Consolidated Subsidiaries</t>
    <phoneticPr fontId="1"/>
  </si>
  <si>
    <t>Net Sales</t>
    <phoneticPr fontId="1"/>
  </si>
  <si>
    <t>INFORMATION BY SEGMENT</t>
  </si>
  <si>
    <t>INFORMATION BY SEGMENT</t>
    <phoneticPr fontId="1"/>
  </si>
  <si>
    <t>FINANCIAL SUMMARY</t>
  </si>
  <si>
    <t>CONSOLIDATED BALANCE SHEETS</t>
  </si>
  <si>
    <t>CONSOLIDATED STATEMENTS OF CASH FLOWS</t>
  </si>
  <si>
    <t>Note that certain reclassifications have been made to some figures due to business reorganization, etc.</t>
  </si>
  <si>
    <t>SHARP CORPORATION</t>
    <phoneticPr fontId="1"/>
  </si>
  <si>
    <t>Thousand Shares</t>
    <phoneticPr fontId="1"/>
  </si>
  <si>
    <t>Valuation reserve for inventory purchase commitments</t>
    <phoneticPr fontId="1"/>
  </si>
  <si>
    <t>Consolidated Balance Sheets</t>
    <phoneticPr fontId="1"/>
  </si>
  <si>
    <t>Consolidated Statements of Cash Flows</t>
    <phoneticPr fontId="1"/>
  </si>
  <si>
    <t>Non-controlling interests</t>
    <phoneticPr fontId="1"/>
  </si>
  <si>
    <t>Sales by Segment (Sales to Outside Customers)</t>
    <phoneticPr fontId="1"/>
  </si>
  <si>
    <t>Total</t>
    <phoneticPr fontId="1"/>
  </si>
  <si>
    <t>The figures indicate sales to outside customers.</t>
    <phoneticPr fontId="1"/>
  </si>
  <si>
    <t>Sales are classified according to regions or countries where customers are located.</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Return on Equity (ROE): Profit (Loss) Attributable to Owners of Parent / Average Equity </t>
    <phoneticPr fontId="1"/>
  </si>
  <si>
    <t>Return on Assets (ROA): Profit (Loss) Attributable to Owners of Parent / Average Total Assets</t>
    <phoneticPr fontId="1"/>
  </si>
  <si>
    <t>Common Share Price (at the end of March)</t>
    <phoneticPr fontId="1"/>
  </si>
  <si>
    <t>Price Book Value Ratio (PBR): Common Share Price (at the end of March) / Net Assets per Share</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Notes and accounts receivable ― trade</t>
    <phoneticPr fontId="1"/>
  </si>
  <si>
    <t>Allowance for doubtful accounts</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Investments and other assets</t>
    <phoneticPr fontId="1"/>
  </si>
  <si>
    <t>Net defined benefit asset</t>
    <phoneticPr fontId="1"/>
  </si>
  <si>
    <t>Other</t>
    <phoneticPr fontId="1"/>
  </si>
  <si>
    <t>Total investments and other assets</t>
    <phoneticPr fontId="1"/>
  </si>
  <si>
    <t>Total assets</t>
    <phoneticPr fontId="1"/>
  </si>
  <si>
    <t>Current Liabilities</t>
    <phoneticPr fontId="1"/>
  </si>
  <si>
    <t>Notes and accounts payable ― trade</t>
    <phoneticPr fontId="1"/>
  </si>
  <si>
    <t>Electronically recorded obligations ― operating</t>
    <phoneticPr fontId="1"/>
  </si>
  <si>
    <t>Accrued expenses</t>
    <phoneticPr fontId="1"/>
  </si>
  <si>
    <t>Provision for bonuses</t>
    <phoneticPr fontId="1"/>
  </si>
  <si>
    <t>Provision for product warranties</t>
    <phoneticPr fontId="1"/>
  </si>
  <si>
    <t>Provision for sales promotion expenses</t>
    <phoneticPr fontId="1"/>
  </si>
  <si>
    <t>Non-current Liabilities</t>
    <phoneticPr fontId="1"/>
  </si>
  <si>
    <t>Bond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Foreign exchange gains</t>
    <phoneticPr fontId="1"/>
  </si>
  <si>
    <t>Share of profit of entities accounted for using equity method</t>
    <phoneticPr fontId="1"/>
  </si>
  <si>
    <t>Other</t>
    <phoneticPr fontId="1"/>
  </si>
  <si>
    <t>Foreign exchange losses</t>
    <phoneticPr fontId="1"/>
  </si>
  <si>
    <t>Extraordinary Income</t>
    <phoneticPr fontId="1"/>
  </si>
  <si>
    <t>Gain on sales of non-current assets</t>
    <phoneticPr fontId="1"/>
  </si>
  <si>
    <t>Gain on sales of investment securities</t>
    <phoneticPr fontId="1"/>
  </si>
  <si>
    <t>Extraordinary Losses</t>
    <phoneticPr fontId="1"/>
  </si>
  <si>
    <t>Loss on sale and retirement of non-current assets</t>
    <phoneticPr fontId="1"/>
  </si>
  <si>
    <t>Impairment loss</t>
    <phoneticPr fontId="1"/>
  </si>
  <si>
    <t xml:space="preserve">Interest income </t>
    <phoneticPr fontId="1"/>
  </si>
  <si>
    <t>Loss on valuation of investment securities</t>
    <phoneticPr fontId="1"/>
  </si>
  <si>
    <t>CONSOLIDATED STATEMENTS OF OPERATIONS</t>
    <phoneticPr fontId="1"/>
  </si>
  <si>
    <t>Consolidated Statements of Operations</t>
    <phoneticPr fontId="1"/>
  </si>
  <si>
    <t>Operating Profit Margin</t>
    <phoneticPr fontId="1"/>
  </si>
  <si>
    <t xml:space="preserve">Cash and deposits </t>
    <phoneticPr fontId="1"/>
  </si>
  <si>
    <t xml:space="preserve">Dividend income </t>
    <phoneticPr fontId="1"/>
  </si>
  <si>
    <t>Gain on change in equity</t>
    <phoneticPr fontId="1"/>
  </si>
  <si>
    <t>Free Cash Flows: Cash Flows from Operation Activities + Cash Flows from Investing Activities</t>
  </si>
  <si>
    <t>Profit (Loss) Attributable to Owners of Parent</t>
    <phoneticPr fontId="1"/>
  </si>
  <si>
    <t>Profit Margin</t>
    <phoneticPr fontId="1"/>
  </si>
  <si>
    <t xml:space="preserve">Profit Margin: Profit (Loss) Attributable to Owners of Parent / Net Sales </t>
    <phoneticPr fontId="1"/>
  </si>
  <si>
    <t>Smart Homes</t>
    <phoneticPr fontId="1"/>
  </si>
  <si>
    <t>Smart Business Solutions</t>
    <phoneticPr fontId="1"/>
  </si>
  <si>
    <t>IoT Electronics Devices</t>
    <phoneticPr fontId="1"/>
  </si>
  <si>
    <t>(Millions of yen)</t>
  </si>
  <si>
    <t>2017/3</t>
  </si>
  <si>
    <t>Net Assets per Share</t>
    <phoneticPr fontId="1"/>
  </si>
  <si>
    <t xml:space="preserve">Current Assets </t>
    <phoneticPr fontId="1"/>
  </si>
  <si>
    <t>Total liabilities and net assets</t>
    <phoneticPr fontId="1"/>
  </si>
  <si>
    <t>Gain on bargain purchase</t>
    <phoneticPr fontId="1"/>
  </si>
  <si>
    <t>Gain on step acquisitions</t>
    <phoneticPr fontId="1"/>
  </si>
  <si>
    <t>Loss on step acquisition</t>
    <phoneticPr fontId="1"/>
  </si>
  <si>
    <t>Total Liabilities</t>
    <phoneticPr fontId="1"/>
  </si>
  <si>
    <t>Advance Display Systems</t>
    <phoneticPr fontId="1"/>
  </si>
  <si>
    <t>Operating Profit (Loss)</t>
    <phoneticPr fontId="1"/>
  </si>
  <si>
    <t>Income (Loss) per Share</t>
    <phoneticPr fontId="1"/>
  </si>
  <si>
    <t>Share acquisition rights</t>
    <phoneticPr fontId="1"/>
  </si>
  <si>
    <t>Rent income on non-current assets</t>
    <phoneticPr fontId="1"/>
  </si>
  <si>
    <t>Share of loss of entities accounted for using the equity method</t>
    <phoneticPr fontId="1"/>
  </si>
  <si>
    <r>
      <t>Number of Outstanding Shares
 (common shares, at the end of March)</t>
    </r>
    <r>
      <rPr>
        <sz val="9"/>
        <color theme="1"/>
        <rFont val="Calibri"/>
        <family val="2"/>
      </rPr>
      <t xml:space="preserve"> </t>
    </r>
    <phoneticPr fontId="1"/>
  </si>
  <si>
    <t>Number of Outstanding Shares (at the end of March) : Excluding Treasury Shares</t>
    <phoneticPr fontId="1"/>
  </si>
  <si>
    <t>Net Assets per Share: Equity / Number of Outstanding Shares</t>
    <phoneticPr fontId="1"/>
  </si>
  <si>
    <t>Other</t>
    <phoneticPr fontId="1"/>
  </si>
  <si>
    <t>Income (Loss) per Share: Profit (Loss) Attributable to Owners of Parent / Average Number of Outstanding Shares</t>
    <phoneticPr fontId="1"/>
  </si>
  <si>
    <t>Price Earnings Ratio (PER): Common Share Price (at the end of March) /  Income per Share</t>
    <phoneticPr fontId="1"/>
  </si>
  <si>
    <t>Amounts less than 1 million yen shown in this material have been rounded down since the fiscal year ended March 31, 2018.</t>
    <phoneticPr fontId="1"/>
  </si>
  <si>
    <t xml:space="preserve">    Advance Display Systems</t>
    <phoneticPr fontId="1"/>
  </si>
  <si>
    <t xml:space="preserve">    Smart Homes</t>
    <phoneticPr fontId="1"/>
  </si>
  <si>
    <t xml:space="preserve">    Smart Business Solutions</t>
    <phoneticPr fontId="1"/>
  </si>
  <si>
    <t xml:space="preserve">    IoT Electronics Devices</t>
    <phoneticPr fontId="1"/>
  </si>
  <si>
    <t>Net Sales by Previous Segment</t>
    <phoneticPr fontId="1"/>
  </si>
  <si>
    <t>Interest expenses</t>
    <phoneticPr fontId="1"/>
  </si>
  <si>
    <t>Equity Ratio</t>
    <phoneticPr fontId="1"/>
  </si>
  <si>
    <t>Total intangible assets</t>
    <phoneticPr fontId="1"/>
  </si>
  <si>
    <t>Intangible assets</t>
    <phoneticPr fontId="1"/>
  </si>
  <si>
    <t>Total net assets</t>
    <phoneticPr fontId="1"/>
  </si>
  <si>
    <t>Profit (loss)</t>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Adjustments</t>
    </r>
    <phoneticPr fontId="1"/>
  </si>
  <si>
    <t>2018/3</t>
  </si>
  <si>
    <t>2019/3</t>
  </si>
  <si>
    <t xml:space="preserve">Effective for the year ended March 31, 2018, the reportable segments have been changed to four classifications; Smart Homes, Smart Business Solutions, IoT Electronics Devices, Advance Display Systems.  </t>
    <phoneticPr fontId="1"/>
  </si>
  <si>
    <t>Efective for the second quaeter of the year ended March 31, 2019, advanced equipment that had been included under Smart Business Solutions has been changed under IoT Electronics Devices, in this regard,</t>
    <phoneticPr fontId="1"/>
  </si>
  <si>
    <t>Sales by Segment for the year  ended March 31, 2018, has been restated based on a new classification.</t>
    <phoneticPr fontId="1"/>
  </si>
  <si>
    <t>Loss on liquidation of subsidiaries and associates</t>
  </si>
  <si>
    <t>Profit (loss) attributable to non-controlling interests</t>
    <phoneticPr fontId="1"/>
  </si>
  <si>
    <t>Reversal of provision for loss on litigation</t>
  </si>
  <si>
    <t>Settlement received</t>
  </si>
  <si>
    <t>Non-current Assets</t>
    <phoneticPr fontId="1"/>
  </si>
  <si>
    <t xml:space="preserve">Sharp has applied ASBJ Statement No. 28 Partial Amendments to Accounting Standard for Tax Effect Accounting (February 16, 2018) from the year ended March 31, 2019. The figures for the year ended March 31, 2018  </t>
    <phoneticPr fontId="1"/>
  </si>
  <si>
    <t>2020/3</t>
    <phoneticPr fontId="1"/>
  </si>
  <si>
    <t>Smart Life</t>
    <phoneticPr fontId="1"/>
  </si>
  <si>
    <t>8K Ecosystem</t>
    <phoneticPr fontId="1"/>
  </si>
  <si>
    <t>ICT</t>
    <phoneticPr fontId="1"/>
  </si>
  <si>
    <t>Total</t>
    <phoneticPr fontId="1"/>
  </si>
  <si>
    <r>
      <rPr>
        <sz val="10"/>
        <rFont val="ＭＳ Ｐゴシック"/>
        <family val="3"/>
        <charset val="128"/>
      </rPr>
      <t>　</t>
    </r>
    <r>
      <rPr>
        <sz val="10"/>
        <rFont val="Calibri"/>
        <family val="2"/>
      </rPr>
      <t>Smart Life</t>
    </r>
    <phoneticPr fontId="1"/>
  </si>
  <si>
    <r>
      <rPr>
        <sz val="10"/>
        <rFont val="ＭＳ Ｐゴシック"/>
        <family val="3"/>
        <charset val="128"/>
      </rPr>
      <t>　</t>
    </r>
    <r>
      <rPr>
        <sz val="10"/>
        <rFont val="Calibri"/>
        <family val="2"/>
      </rPr>
      <t>8K Ecosystem</t>
    </r>
    <phoneticPr fontId="1"/>
  </si>
  <si>
    <r>
      <rPr>
        <sz val="10"/>
        <rFont val="ＭＳ Ｐゴシック"/>
        <family val="3"/>
        <charset val="128"/>
      </rPr>
      <t>　</t>
    </r>
    <r>
      <rPr>
        <sz val="10"/>
        <rFont val="Calibri"/>
        <family val="2"/>
      </rPr>
      <t>ICT</t>
    </r>
    <phoneticPr fontId="1"/>
  </si>
  <si>
    <t>Number of Employees</t>
    <phoneticPr fontId="1"/>
  </si>
  <si>
    <t>Segment Income (Loss) by Previous Segment</t>
  </si>
  <si>
    <t xml:space="preserve">Effective for the year ended March 31, 2020, the reportable segments have been changed to  three  classifications; Smart Life, 8K Ecosystem, ICT.  </t>
    <phoneticPr fontId="1"/>
  </si>
  <si>
    <t>Net Asset</t>
    <phoneticPr fontId="1"/>
  </si>
  <si>
    <t>LIABILITIES</t>
    <phoneticPr fontId="1"/>
  </si>
  <si>
    <t>Deferred Assets</t>
    <phoneticPr fontId="1"/>
  </si>
  <si>
    <t>Machinery, equipment and vehicles</t>
    <phoneticPr fontId="1"/>
  </si>
  <si>
    <t>Total non-current assets</t>
    <phoneticPr fontId="1"/>
  </si>
  <si>
    <t>Short-term borrowings</t>
    <phoneticPr fontId="1"/>
  </si>
  <si>
    <t>Current portion of bonds payable</t>
    <phoneticPr fontId="1"/>
  </si>
  <si>
    <t>Long-term borrowings</t>
    <phoneticPr fontId="1"/>
  </si>
  <si>
    <t xml:space="preserve">Retirement benefit liability </t>
    <phoneticPr fontId="1"/>
  </si>
  <si>
    <t>Share Capital</t>
    <phoneticPr fontId="1"/>
  </si>
  <si>
    <t>have been reclassified by applying the accounting standard.</t>
    <phoneticPr fontId="1"/>
  </si>
  <si>
    <t>Investment securities</t>
    <phoneticPr fontId="1"/>
  </si>
  <si>
    <t xml:space="preserve">Sharp has applied ASBJ Statement No. 28 Partial Amendments to Accounting Standard for Tax Effect Accounting (February 16, 2018) from the year ended March 31, 2019. The figures for the year ended March 31, 2018 have been reclassified by applying the accounting standard. </t>
    <phoneticPr fontId="1"/>
  </si>
  <si>
    <t>Foreign currency translation adjustment</t>
    <phoneticPr fontId="1"/>
  </si>
  <si>
    <t>2017       -       2021</t>
    <phoneticPr fontId="1"/>
  </si>
  <si>
    <r>
      <t>(2016/4-201</t>
    </r>
    <r>
      <rPr>
        <sz val="12"/>
        <rFont val="ＭＳ Ｐゴシック"/>
        <family val="3"/>
        <charset val="128"/>
      </rPr>
      <t>７</t>
    </r>
    <r>
      <rPr>
        <sz val="12"/>
        <rFont val="Calibri"/>
        <family val="2"/>
      </rPr>
      <t xml:space="preserve">/3)  </t>
    </r>
    <r>
      <rPr>
        <sz val="12"/>
        <rFont val="ＭＳ Ｐゴシック"/>
        <family val="3"/>
        <charset val="128"/>
      </rPr>
      <t>　</t>
    </r>
    <r>
      <rPr>
        <sz val="12"/>
        <rFont val="Calibri"/>
        <family val="2"/>
      </rPr>
      <t>(2020/4-2021/3)</t>
    </r>
    <phoneticPr fontId="1"/>
  </si>
  <si>
    <t>2020/3</t>
  </si>
  <si>
    <t>2021/3</t>
    <phoneticPr fontId="1"/>
  </si>
  <si>
    <t>2021/3</t>
    <phoneticPr fontId="1"/>
  </si>
  <si>
    <t>2021/3</t>
    <phoneticPr fontId="1"/>
  </si>
  <si>
    <t>2021/3</t>
    <phoneticPr fontId="1"/>
  </si>
  <si>
    <t>2021/3</t>
    <phoneticPr fontId="1"/>
  </si>
  <si>
    <t>Effective for the year ended March 31, 2018, the segment classification has been changed. In this regard, Sales by Segment for the year ended March 31, 2017, has been restated based on a new classification.</t>
  </si>
  <si>
    <t>Effective for the year ended March 31, 2020, the segment classification has been changed. In this regard, Sales by Segment for the year ended March 31, 2019, has been restated based on a new classification.</t>
  </si>
  <si>
    <t>2021/3</t>
    <phoneticPr fontId="1"/>
  </si>
  <si>
    <t>2021/3</t>
    <phoneticPr fontId="1"/>
  </si>
  <si>
    <t>Gross profit</t>
    <phoneticPr fontId="1"/>
  </si>
  <si>
    <t xml:space="preserve">Operating profit </t>
    <phoneticPr fontId="1"/>
  </si>
  <si>
    <t xml:space="preserve">Ordinary profit </t>
    <phoneticPr fontId="1"/>
  </si>
  <si>
    <t>Profit (loss) before income taxes</t>
    <phoneticPr fontId="1"/>
  </si>
  <si>
    <t>Profit (loss) attributable to owners of parent</t>
    <phoneticPr fontId="1"/>
  </si>
  <si>
    <t>Segment Income</t>
    <phoneticPr fontId="1"/>
  </si>
  <si>
    <t>Segment Income  by Previous Segment</t>
    <phoneticPr fontId="1"/>
  </si>
  <si>
    <t>D/ E Ratio</t>
  </si>
  <si>
    <t>Net D/ E Ratio</t>
    <phoneticPr fontId="1"/>
  </si>
  <si>
    <t>Net D/E Ratio=Net Interest-Bearing Debt/Equity</t>
    <phoneticPr fontId="1"/>
  </si>
  <si>
    <t>Net Interest-Bearing Debt</t>
    <phoneticPr fontId="1"/>
  </si>
  <si>
    <t>Property, plant and equipment</t>
    <phoneticPr fontId="1"/>
  </si>
  <si>
    <t xml:space="preserve">Net Sales </t>
    <phoneticPr fontId="1"/>
  </si>
  <si>
    <t>Cost of Sales</t>
    <phoneticPr fontId="1"/>
  </si>
  <si>
    <t>Selling, General and Administrative Expenses</t>
    <phoneticPr fontId="1"/>
  </si>
  <si>
    <t>Non-operating Income</t>
    <phoneticPr fontId="1"/>
  </si>
  <si>
    <t>Non-operating Expenses</t>
    <phoneticPr fontId="1"/>
  </si>
  <si>
    <t xml:space="preserve">Income Taxes </t>
    <phoneticPr fontId="1"/>
  </si>
  <si>
    <t>Current</t>
    <phoneticPr fontId="1"/>
  </si>
  <si>
    <t>Deferred</t>
    <phoneticPr fontId="1"/>
  </si>
  <si>
    <t>Total income taxes</t>
    <phoneticPr fontId="1"/>
  </si>
  <si>
    <t>Net Cash Provided by (Used in) Operating Activities</t>
    <phoneticPr fontId="1"/>
  </si>
  <si>
    <t>Net Cash Provided by (Used in) Investing Activities</t>
    <phoneticPr fontId="1"/>
  </si>
  <si>
    <t>Net Cash Provided by (Used in) Financing Activities</t>
    <phoneticPr fontId="1"/>
  </si>
  <si>
    <t>Effect of Exchange Rate Change on Cash and Cash Equivalents</t>
    <phoneticPr fontId="1"/>
  </si>
  <si>
    <t>Net Increase (Decrease) in Cash and Cash Equivalents</t>
    <phoneticPr fontId="1"/>
  </si>
  <si>
    <t>Cash and Cash Equivalents at Beginning of Period</t>
    <phoneticPr fontId="1"/>
  </si>
  <si>
    <t>Increase (Decrease) in Cash and Cash Equivalents Resulting from Change in Scope of Consolidation</t>
    <phoneticPr fontId="1"/>
  </si>
  <si>
    <t>Cash and Cash Equivalents at End of Period</t>
    <phoneticPr fontId="1"/>
  </si>
  <si>
    <t>on the assumption that Sharp conducted this consolidation at the beginning of the fiscal year ended March 31, 2017.</t>
    <phoneticPr fontId="1"/>
  </si>
  <si>
    <t xml:space="preserve">Sharp carried out a share consolidation of common shares as well as Class C shares at a ratio of 10 shares to 1 share on October 1, 2017. The figures for the net assets per share and income (loss) per share are calculated </t>
    <phoneticPr fontId="1"/>
  </si>
  <si>
    <t>Since dividend priority of Class C shares is equal to common shares, the number of Class C shares after considering the conversion rate to common shares is regarded as the number of Shares equivalent to common shares.</t>
    <phoneticPr fontId="1"/>
  </si>
  <si>
    <t>Sharp acquired and canceled all the 795,363 Class C shares outstanding in exchange for 79,536,300 common shares on February 26, 2021 to complete the cancellation of all classes of shares.</t>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 numFmtId="183" formatCode="#,##0;&quot;△ &quot;#,##0"/>
    <numFmt numFmtId="184" formatCode="#,##0_);\(#,##0\)"/>
    <numFmt numFmtId="185" formatCode="#,##0.00_);\(#,##0.00\)"/>
    <numFmt numFmtId="186" formatCode="#,##0.0_);\(#,##0.0\)"/>
    <numFmt numFmtId="187" formatCode="#,##0;&quot;△&quot;#,##0"/>
    <numFmt numFmtId="188" formatCode="#,##0.0;\-#,##0.0"/>
  </numFmts>
  <fonts count="39"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11"/>
      <name val="ＭＳ Ｐゴシック"/>
      <family val="3"/>
      <charset val="128"/>
    </font>
    <font>
      <b/>
      <sz val="14"/>
      <name val="ＭＳ Ｐゴシック"/>
      <family val="3"/>
      <charset val="128"/>
      <scheme val="minor"/>
    </font>
    <font>
      <sz val="10"/>
      <name val="ＭＳ Ｐゴシック"/>
      <family val="3"/>
      <charset val="128"/>
      <scheme val="minor"/>
    </font>
    <font>
      <i/>
      <sz val="9"/>
      <name val="ＭＳ Ｐゴシック"/>
      <family val="3"/>
      <charset val="128"/>
      <scheme val="minor"/>
    </font>
    <font>
      <sz val="9"/>
      <name val="ＭＳ Ｐゴシック"/>
      <family val="3"/>
      <charset val="128"/>
      <scheme val="minor"/>
    </font>
    <font>
      <i/>
      <sz val="9"/>
      <name val="Calibri"/>
      <family val="2"/>
    </font>
    <font>
      <sz val="10"/>
      <color theme="1"/>
      <name val="ＭＳ Ｐゴシック"/>
      <family val="3"/>
      <charset val="128"/>
    </font>
    <font>
      <sz val="10"/>
      <name val="ＭＳ Ｐゴシック"/>
      <family val="3"/>
      <charset val="128"/>
    </font>
    <font>
      <sz val="8"/>
      <name val="Calibri"/>
      <family val="2"/>
    </font>
    <font>
      <sz val="6"/>
      <name val="Arial"/>
      <family val="2"/>
    </font>
    <font>
      <i/>
      <sz val="6"/>
      <name val="Calibri"/>
      <family val="2"/>
    </font>
    <font>
      <sz val="10"/>
      <name val="Cambria"/>
      <family val="1"/>
    </font>
    <font>
      <sz val="9"/>
      <name val="Calibri"/>
      <family val="2"/>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34">
    <border>
      <left/>
      <right/>
      <top/>
      <bottom/>
      <diagonal/>
    </border>
    <border>
      <left/>
      <right/>
      <top/>
      <bottom style="thin">
        <color indexed="64"/>
      </bottom>
      <diagonal/>
    </border>
    <border>
      <left/>
      <right/>
      <top style="thin">
        <color indexed="8"/>
      </top>
      <bottom style="thin">
        <color indexed="8"/>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8"/>
      </bottom>
      <diagonal/>
    </border>
    <border>
      <left style="thin">
        <color indexed="64"/>
      </left>
      <right/>
      <top style="thin">
        <color indexed="64"/>
      </top>
      <bottom style="thin">
        <color indexed="64"/>
      </bottom>
      <diagonal/>
    </border>
    <border>
      <left/>
      <right/>
      <top style="thin">
        <color auto="1"/>
      </top>
      <bottom/>
      <diagonal/>
    </border>
    <border>
      <left/>
      <right/>
      <top/>
      <bottom style="thin">
        <color auto="1"/>
      </bottom>
      <diagonal/>
    </border>
    <border>
      <left style="thin">
        <color indexed="64"/>
      </left>
      <right/>
      <top/>
      <bottom style="thin">
        <color indexed="8"/>
      </bottom>
      <diagonal/>
    </border>
    <border>
      <left/>
      <right/>
      <top style="thin">
        <color indexed="8"/>
      </top>
      <bottom style="thin">
        <color indexed="64"/>
      </bottom>
      <diagonal/>
    </border>
    <border>
      <left/>
      <right style="thin">
        <color indexed="64"/>
      </right>
      <top style="thin">
        <color indexed="8"/>
      </top>
      <bottom style="thin">
        <color indexed="64"/>
      </bottom>
      <diagonal/>
    </border>
    <border>
      <left/>
      <right style="thin">
        <color indexed="64"/>
      </right>
      <top/>
      <bottom style="thin">
        <color indexed="8"/>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bottom/>
      <diagonal/>
    </border>
    <border>
      <left/>
      <right style="thin">
        <color indexed="8"/>
      </right>
      <top/>
      <bottom style="thin">
        <color auto="1"/>
      </bottom>
      <diagonal/>
    </border>
    <border>
      <left/>
      <right style="thin">
        <color auto="1"/>
      </right>
      <top/>
      <bottom/>
      <diagonal/>
    </border>
    <border>
      <left/>
      <right style="thin">
        <color indexed="8"/>
      </right>
      <top style="thin">
        <color indexed="64"/>
      </top>
      <bottom/>
      <diagonal/>
    </border>
    <border>
      <left/>
      <right style="thin">
        <color indexed="8"/>
      </right>
      <top/>
      <bottom style="thin">
        <color indexed="64"/>
      </bottom>
      <diagonal/>
    </border>
    <border>
      <left/>
      <right/>
      <top style="thin">
        <color auto="1"/>
      </top>
      <bottom style="thin">
        <color indexed="64"/>
      </bottom>
      <diagonal/>
    </border>
    <border>
      <left/>
      <right style="thin">
        <color indexed="8"/>
      </right>
      <top style="thin">
        <color indexed="64"/>
      </top>
      <bottom style="thin">
        <color indexed="64"/>
      </bottom>
      <diagonal/>
    </border>
  </borders>
  <cellStyleXfs count="5">
    <xf numFmtId="0" fontId="0" fillId="0" borderId="0"/>
    <xf numFmtId="0" fontId="8" fillId="0" borderId="0"/>
    <xf numFmtId="0" fontId="8" fillId="0" borderId="0"/>
    <xf numFmtId="0" fontId="8" fillId="0" borderId="0"/>
    <xf numFmtId="0" fontId="26" fillId="0" borderId="0">
      <alignment vertical="center"/>
    </xf>
  </cellStyleXfs>
  <cellXfs count="288">
    <xf numFmtId="0" fontId="0" fillId="0" borderId="0" xfId="0"/>
    <xf numFmtId="0" fontId="9" fillId="0" borderId="0" xfId="1" applyFont="1" applyFill="1"/>
    <xf numFmtId="49" fontId="14" fillId="0" borderId="0" xfId="1" applyNumberFormat="1" applyFont="1" applyFill="1" applyAlignment="1">
      <alignment horizontal="left" vertical="top"/>
    </xf>
    <xf numFmtId="0" fontId="9" fillId="0" borderId="0" xfId="1" applyFont="1" applyFill="1" applyBorder="1"/>
    <xf numFmtId="0" fontId="10" fillId="0" borderId="4" xfId="1" applyFont="1" applyFill="1" applyBorder="1" applyAlignment="1">
      <alignment horizontal="left" vertical="top" wrapText="1" indent="1"/>
    </xf>
    <xf numFmtId="0" fontId="10" fillId="0" borderId="5" xfId="1" applyFont="1" applyFill="1" applyBorder="1" applyAlignment="1">
      <alignment horizontal="left" vertical="top" wrapText="1" indent="1"/>
    </xf>
    <xf numFmtId="49" fontId="12" fillId="0" borderId="7"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49" fontId="12" fillId="0" borderId="7"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7" xfId="1" applyNumberFormat="1" applyFont="1" applyFill="1" applyBorder="1" applyAlignment="1">
      <alignment horizontal="left" vertical="center" wrapText="1" indent="1"/>
    </xf>
    <xf numFmtId="49" fontId="12" fillId="0" borderId="7" xfId="1" applyNumberFormat="1" applyFont="1" applyFill="1" applyBorder="1" applyAlignment="1">
      <alignment horizontal="left" vertical="center" wrapText="1" indent="2"/>
    </xf>
    <xf numFmtId="49" fontId="15" fillId="0" borderId="7" xfId="1" applyNumberFormat="1" applyFont="1" applyFill="1" applyBorder="1" applyAlignment="1">
      <alignment horizontal="left" vertical="top" wrapText="1" indent="1"/>
    </xf>
    <xf numFmtId="0" fontId="9" fillId="0" borderId="7" xfId="1" applyFont="1" applyFill="1" applyBorder="1"/>
    <xf numFmtId="176" fontId="12" fillId="0" borderId="10" xfId="1" applyNumberFormat="1" applyFont="1" applyFill="1" applyBorder="1" applyAlignment="1">
      <alignment horizontal="right" vertical="center" indent="1"/>
    </xf>
    <xf numFmtId="0" fontId="10" fillId="0" borderId="12" xfId="1" applyFont="1" applyFill="1" applyBorder="1" applyAlignment="1">
      <alignment horizontal="left" vertical="top" wrapText="1"/>
    </xf>
    <xf numFmtId="49" fontId="15" fillId="0" borderId="9"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5"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0" xfId="1" applyFont="1" applyFill="1" applyBorder="1" applyAlignment="1">
      <alignment horizontal="center" vertical="top"/>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7" xfId="0" applyFont="1" applyBorder="1" applyAlignment="1">
      <alignment horizontal="center"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6" fillId="0" borderId="0" xfId="0" applyFont="1" applyBorder="1" applyAlignment="1">
      <alignment horizontal="centerContinuous" vertical="center"/>
    </xf>
    <xf numFmtId="0" fontId="5" fillId="0" borderId="9"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3"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8" xfId="0" applyFont="1" applyBorder="1" applyAlignment="1">
      <alignment vertical="center"/>
    </xf>
    <xf numFmtId="0" fontId="5" fillId="0" borderId="7" xfId="0" applyFont="1" applyBorder="1" applyAlignment="1">
      <alignment horizontal="left" vertical="center" indent="2"/>
    </xf>
    <xf numFmtId="0" fontId="20" fillId="0" borderId="0" xfId="1" applyFont="1" applyFill="1"/>
    <xf numFmtId="0" fontId="22" fillId="0" borderId="0" xfId="1" applyFont="1" applyFill="1"/>
    <xf numFmtId="49" fontId="12" fillId="0" borderId="7" xfId="1" applyNumberFormat="1" applyFont="1" applyFill="1" applyBorder="1" applyAlignment="1">
      <alignment horizontal="left" vertical="top" wrapText="1" indent="2"/>
    </xf>
    <xf numFmtId="49" fontId="12" fillId="0" borderId="7" xfId="1" applyNumberFormat="1" applyFont="1" applyFill="1" applyBorder="1" applyAlignment="1">
      <alignment horizontal="left" vertical="top" wrapText="1" indent="3"/>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0" xfId="1" applyFont="1" applyFill="1" applyBorder="1" applyAlignment="1">
      <alignment horizontal="left" vertical="top" wrapText="1"/>
    </xf>
    <xf numFmtId="177" fontId="9" fillId="0" borderId="0" xfId="1" applyNumberFormat="1" applyFont="1" applyFill="1" applyBorder="1"/>
    <xf numFmtId="0" fontId="25" fillId="0" borderId="0" xfId="1" applyFont="1" applyFill="1" applyAlignment="1">
      <alignment horizontal="left" vertical="top"/>
    </xf>
    <xf numFmtId="0" fontId="25" fillId="0" borderId="0" xfId="1" applyFont="1" applyFill="1" applyBorder="1" applyAlignment="1">
      <alignment horizontal="left" vertical="top"/>
    </xf>
    <xf numFmtId="178" fontId="12" fillId="0" borderId="0" xfId="1" applyNumberFormat="1" applyFont="1" applyFill="1" applyBorder="1" applyAlignment="1">
      <alignment horizontal="right" vertical="top" indent="1"/>
    </xf>
    <xf numFmtId="0" fontId="20" fillId="0" borderId="0" xfId="1" applyFont="1" applyFill="1" applyBorder="1"/>
    <xf numFmtId="0" fontId="15" fillId="0" borderId="4" xfId="1" applyFont="1" applyFill="1" applyBorder="1" applyAlignment="1">
      <alignment horizontal="left" vertical="top" wrapText="1" indent="1"/>
    </xf>
    <xf numFmtId="0" fontId="17" fillId="0" borderId="5" xfId="1" applyFont="1" applyFill="1" applyBorder="1" applyAlignment="1">
      <alignment horizontal="left" vertical="top" wrapText="1" indent="1"/>
    </xf>
    <xf numFmtId="49" fontId="21" fillId="0" borderId="5"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0" fontId="22" fillId="0" borderId="0" xfId="1" applyFont="1" applyFill="1" applyBorder="1"/>
    <xf numFmtId="177" fontId="9" fillId="0" borderId="3" xfId="1" applyNumberFormat="1" applyFont="1" applyFill="1" applyBorder="1"/>
    <xf numFmtId="0" fontId="6" fillId="0" borderId="0" xfId="0" applyFont="1" applyFill="1" applyAlignment="1">
      <alignment vertical="center"/>
    </xf>
    <xf numFmtId="49" fontId="12" fillId="0" borderId="9"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7"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0" fontId="12" fillId="0" borderId="0" xfId="1" applyFont="1" applyFill="1" applyBorder="1" applyAlignment="1">
      <alignment horizontal="right"/>
    </xf>
    <xf numFmtId="0" fontId="28" fillId="0" borderId="0" xfId="3" applyFont="1" applyFill="1" applyBorder="1"/>
    <xf numFmtId="0" fontId="28" fillId="0" borderId="0" xfId="3" applyFont="1" applyFill="1"/>
    <xf numFmtId="184" fontId="27" fillId="0" borderId="0" xfId="4" applyNumberFormat="1" applyFont="1" applyFill="1" applyBorder="1" applyAlignment="1">
      <alignment horizontal="left" vertical="center"/>
    </xf>
    <xf numFmtId="184" fontId="31" fillId="0" borderId="0" xfId="3" applyNumberFormat="1" applyFont="1" applyFill="1" applyBorder="1" applyAlignment="1">
      <alignment horizontal="left" vertical="top"/>
    </xf>
    <xf numFmtId="184" fontId="4" fillId="0" borderId="0" xfId="3" applyNumberFormat="1" applyFont="1" applyFill="1" applyBorder="1"/>
    <xf numFmtId="184" fontId="4" fillId="0" borderId="1" xfId="3" applyNumberFormat="1" applyFont="1" applyFill="1" applyBorder="1"/>
    <xf numFmtId="184" fontId="4" fillId="0" borderId="19" xfId="3" applyNumberFormat="1" applyFont="1" applyFill="1" applyBorder="1" applyAlignment="1">
      <alignment horizontal="right" vertical="top" indent="1"/>
    </xf>
    <xf numFmtId="184" fontId="30" fillId="0" borderId="0" xfId="3" applyNumberFormat="1" applyFont="1" applyFill="1" applyBorder="1" applyAlignment="1">
      <alignment vertical="top" wrapText="1"/>
    </xf>
    <xf numFmtId="184" fontId="29" fillId="0" borderId="0" xfId="3" applyNumberFormat="1" applyFont="1" applyFill="1" applyBorder="1" applyAlignment="1">
      <alignment horizontal="left" vertical="top"/>
    </xf>
    <xf numFmtId="184" fontId="28" fillId="0" borderId="0" xfId="3" applyNumberFormat="1" applyFont="1" applyFill="1" applyBorder="1"/>
    <xf numFmtId="184" fontId="28" fillId="0" borderId="0" xfId="3" applyNumberFormat="1" applyFont="1" applyFill="1" applyBorder="1" applyAlignment="1">
      <alignment horizontal="right" vertical="top"/>
    </xf>
    <xf numFmtId="0" fontId="28" fillId="0" borderId="0" xfId="2" applyFont="1" applyFill="1" applyProtection="1"/>
    <xf numFmtId="0" fontId="28" fillId="0" borderId="0" xfId="2" applyFont="1" applyFill="1" applyBorder="1" applyProtection="1"/>
    <xf numFmtId="0" fontId="28" fillId="0" borderId="0" xfId="2" applyFont="1" applyFill="1" applyBorder="1" applyAlignment="1" applyProtection="1">
      <alignment vertical="center"/>
    </xf>
    <xf numFmtId="0" fontId="28" fillId="0" borderId="8" xfId="2" applyFont="1" applyFill="1" applyBorder="1" applyAlignment="1" applyProtection="1">
      <alignment vertical="center"/>
    </xf>
    <xf numFmtId="0" fontId="28" fillId="0" borderId="0" xfId="2" applyFont="1" applyFill="1" applyBorder="1" applyAlignment="1" applyProtection="1">
      <alignment horizontal="center" vertical="top"/>
    </xf>
    <xf numFmtId="0" fontId="28" fillId="0" borderId="1" xfId="2" applyFont="1" applyFill="1" applyBorder="1" applyAlignment="1" applyProtection="1">
      <alignment horizontal="center" vertical="top"/>
    </xf>
    <xf numFmtId="184" fontId="4" fillId="0" borderId="8" xfId="2" applyNumberFormat="1" applyFont="1" applyFill="1" applyBorder="1" applyAlignment="1" applyProtection="1">
      <alignment horizontal="right" vertical="center" indent="1"/>
    </xf>
    <xf numFmtId="184" fontId="4" fillId="0" borderId="16" xfId="2" applyNumberFormat="1" applyFont="1" applyFill="1" applyBorder="1" applyAlignment="1" applyProtection="1">
      <alignment horizontal="right" vertical="center" indent="1"/>
    </xf>
    <xf numFmtId="184" fontId="4" fillId="0" borderId="0" xfId="2" applyNumberFormat="1" applyFont="1" applyFill="1" applyBorder="1" applyAlignment="1" applyProtection="1">
      <alignment vertical="center"/>
    </xf>
    <xf numFmtId="184" fontId="4" fillId="0" borderId="8" xfId="2" applyNumberFormat="1" applyFont="1" applyFill="1" applyBorder="1" applyAlignment="1" applyProtection="1">
      <alignment vertical="center"/>
    </xf>
    <xf numFmtId="178" fontId="12" fillId="0" borderId="20" xfId="1" applyNumberFormat="1" applyFont="1" applyFill="1" applyBorder="1" applyAlignment="1">
      <alignment horizontal="right" vertical="top" indent="1"/>
    </xf>
    <xf numFmtId="0" fontId="12" fillId="0" borderId="20" xfId="1" applyFont="1" applyFill="1" applyBorder="1" applyAlignment="1">
      <alignment horizontal="center" vertical="top"/>
    </xf>
    <xf numFmtId="180" fontId="12" fillId="0" borderId="20" xfId="1" applyNumberFormat="1" applyFont="1" applyFill="1" applyBorder="1" applyAlignment="1">
      <alignment horizontal="right" vertical="top" indent="1"/>
    </xf>
    <xf numFmtId="177" fontId="12" fillId="0" borderId="20" xfId="1" applyNumberFormat="1" applyFont="1" applyFill="1" applyBorder="1" applyAlignment="1">
      <alignment horizontal="right" vertical="top" indent="1"/>
    </xf>
    <xf numFmtId="179" fontId="12" fillId="0" borderId="20" xfId="1" applyNumberFormat="1" applyFont="1" applyFill="1" applyBorder="1" applyAlignment="1">
      <alignment horizontal="right" vertical="top" indent="1"/>
    </xf>
    <xf numFmtId="0" fontId="4" fillId="0" borderId="7" xfId="3" applyFont="1" applyFill="1" applyBorder="1" applyAlignment="1">
      <alignment horizontal="left" vertical="top" wrapText="1" indent="1"/>
    </xf>
    <xf numFmtId="0" fontId="13" fillId="0" borderId="10" xfId="1" applyFont="1" applyFill="1" applyBorder="1" applyAlignment="1">
      <alignment horizontal="left" vertical="top"/>
    </xf>
    <xf numFmtId="0" fontId="11" fillId="0" borderId="4" xfId="1" applyFont="1" applyFill="1" applyBorder="1" applyAlignment="1">
      <alignment horizontal="left" vertical="top" wrapText="1" indent="1"/>
    </xf>
    <xf numFmtId="49" fontId="17" fillId="0" borderId="7" xfId="1" applyNumberFormat="1" applyFont="1" applyFill="1" applyBorder="1" applyAlignment="1">
      <alignment horizontal="left" vertical="center" indent="1"/>
    </xf>
    <xf numFmtId="49" fontId="12" fillId="0" borderId="1" xfId="1" applyNumberFormat="1" applyFont="1" applyFill="1" applyBorder="1" applyAlignment="1">
      <alignment horizontal="left" vertical="top" wrapText="1" indent="4"/>
    </xf>
    <xf numFmtId="0" fontId="25" fillId="0" borderId="0" xfId="1" applyFont="1" applyFill="1" applyBorder="1" applyAlignment="1">
      <alignment horizontal="left" vertical="top"/>
    </xf>
    <xf numFmtId="0" fontId="10" fillId="0" borderId="18" xfId="1" applyFont="1" applyFill="1" applyBorder="1" applyAlignment="1">
      <alignment horizontal="left" vertical="top" wrapText="1" indent="1"/>
    </xf>
    <xf numFmtId="0" fontId="10" fillId="0" borderId="15" xfId="1" applyFont="1" applyFill="1" applyBorder="1" applyAlignment="1">
      <alignment horizontal="left" vertical="top" wrapText="1" indent="1"/>
    </xf>
    <xf numFmtId="49" fontId="11" fillId="0" borderId="15" xfId="1" applyNumberFormat="1" applyFont="1" applyFill="1" applyBorder="1" applyAlignment="1">
      <alignment horizontal="right" vertical="top" indent="1"/>
    </xf>
    <xf numFmtId="49" fontId="14" fillId="0" borderId="0" xfId="1" applyNumberFormat="1" applyFont="1" applyFill="1" applyBorder="1" applyAlignment="1">
      <alignment horizontal="left" vertical="top"/>
    </xf>
    <xf numFmtId="49" fontId="15" fillId="0" borderId="7" xfId="1" applyNumberFormat="1" applyFont="1" applyFill="1" applyBorder="1" applyAlignment="1">
      <alignment horizontal="left" vertical="center" indent="1" shrinkToFit="1"/>
    </xf>
    <xf numFmtId="49" fontId="12" fillId="0" borderId="7" xfId="1" applyNumberFormat="1" applyFont="1" applyFill="1" applyBorder="1" applyAlignment="1">
      <alignment horizontal="left" vertical="center" indent="2" shrinkToFit="1"/>
    </xf>
    <xf numFmtId="49" fontId="12" fillId="0" borderId="9" xfId="1" applyNumberFormat="1" applyFont="1" applyFill="1" applyBorder="1" applyAlignment="1">
      <alignment horizontal="left" vertical="center" indent="2" shrinkToFit="1"/>
    </xf>
    <xf numFmtId="183" fontId="4" fillId="2" borderId="0" xfId="3" applyNumberFormat="1" applyFont="1" applyFill="1" applyBorder="1" applyAlignment="1">
      <alignment horizontal="right" vertical="top" indent="1"/>
    </xf>
    <xf numFmtId="183" fontId="4" fillId="2" borderId="17" xfId="3" applyNumberFormat="1" applyFont="1" applyFill="1" applyBorder="1" applyAlignment="1">
      <alignment horizontal="right" vertical="top" indent="1"/>
    </xf>
    <xf numFmtId="37" fontId="4" fillId="2" borderId="0" xfId="3" applyNumberFormat="1" applyFont="1" applyFill="1" applyBorder="1" applyAlignment="1">
      <alignment horizontal="right" vertical="top" indent="1"/>
    </xf>
    <xf numFmtId="184" fontId="21" fillId="0" borderId="5" xfId="1" applyNumberFormat="1" applyFont="1" applyFill="1" applyBorder="1" applyAlignment="1">
      <alignment horizontal="right" vertical="top" indent="1"/>
    </xf>
    <xf numFmtId="184" fontId="4" fillId="0" borderId="0" xfId="3" applyNumberFormat="1" applyFont="1" applyFill="1" applyBorder="1" applyAlignment="1">
      <alignment horizontal="right" vertical="top" indent="1"/>
    </xf>
    <xf numFmtId="177" fontId="4" fillId="0" borderId="0" xfId="1" applyNumberFormat="1" applyFont="1" applyFill="1" applyBorder="1" applyAlignment="1">
      <alignment horizontal="right" vertical="center" indent="1"/>
    </xf>
    <xf numFmtId="177" fontId="4" fillId="0" borderId="15" xfId="1" applyNumberFormat="1" applyFont="1" applyFill="1" applyBorder="1" applyAlignment="1">
      <alignment horizontal="right" vertical="center" indent="1"/>
    </xf>
    <xf numFmtId="184" fontId="4" fillId="0" borderId="3" xfId="3" applyNumberFormat="1" applyFont="1" applyFill="1" applyBorder="1" applyAlignment="1">
      <alignment horizontal="right" vertical="top" indent="1"/>
    </xf>
    <xf numFmtId="0" fontId="25" fillId="0" borderId="0" xfId="1" applyFont="1" applyFill="1" applyBorder="1" applyAlignment="1">
      <alignment horizontal="left" vertical="top"/>
    </xf>
    <xf numFmtId="0" fontId="0" fillId="0" borderId="0" xfId="0" applyAlignment="1"/>
    <xf numFmtId="184" fontId="4" fillId="0" borderId="22" xfId="3" applyNumberFormat="1" applyFont="1" applyFill="1" applyBorder="1" applyAlignment="1">
      <alignment horizontal="right" vertical="top" indent="1"/>
    </xf>
    <xf numFmtId="184" fontId="4" fillId="0" borderId="0" xfId="3" applyNumberFormat="1" applyFont="1" applyFill="1" applyBorder="1" applyAlignment="1">
      <alignment horizontal="right" vertical="center" indent="1"/>
    </xf>
    <xf numFmtId="184" fontId="4" fillId="0" borderId="0" xfId="2" applyNumberFormat="1" applyFont="1" applyFill="1" applyBorder="1" applyAlignment="1" applyProtection="1">
      <alignment horizontal="right" vertical="center" indent="1"/>
    </xf>
    <xf numFmtId="184" fontId="4" fillId="0" borderId="15" xfId="2" applyNumberFormat="1" applyFont="1" applyFill="1" applyBorder="1" applyAlignment="1" applyProtection="1">
      <alignment horizontal="right" vertical="center" indent="1"/>
    </xf>
    <xf numFmtId="0" fontId="25" fillId="0" borderId="0" xfId="1" applyFont="1" applyFill="1" applyBorder="1" applyAlignment="1">
      <alignment horizontal="left" vertical="top"/>
    </xf>
    <xf numFmtId="181" fontId="12" fillId="0" borderId="20" xfId="1" applyNumberFormat="1" applyFont="1" applyFill="1" applyBorder="1" applyAlignment="1">
      <alignment horizontal="right" vertical="top" indent="1"/>
    </xf>
    <xf numFmtId="37" fontId="28" fillId="0" borderId="0" xfId="3" applyNumberFormat="1" applyFont="1" applyFill="1" applyBorder="1" applyAlignment="1" applyProtection="1">
      <alignment horizontal="right" vertical="center" indent="1"/>
    </xf>
    <xf numFmtId="37" fontId="28" fillId="0" borderId="0" xfId="2" applyNumberFormat="1" applyFont="1" applyFill="1" applyBorder="1" applyAlignment="1" applyProtection="1">
      <alignment horizontal="right" vertical="center" indent="1"/>
    </xf>
    <xf numFmtId="187" fontId="28" fillId="0" borderId="15" xfId="2" applyNumberFormat="1" applyFont="1" applyFill="1" applyBorder="1" applyAlignment="1" applyProtection="1">
      <alignment horizontal="right" vertical="center" indent="1"/>
    </xf>
    <xf numFmtId="187" fontId="28" fillId="0" borderId="19" xfId="2" applyNumberFormat="1" applyFont="1" applyFill="1" applyBorder="1" applyAlignment="1" applyProtection="1">
      <alignment horizontal="right" vertical="center" indent="1"/>
    </xf>
    <xf numFmtId="177" fontId="12" fillId="3" borderId="0" xfId="1" applyNumberFormat="1" applyFont="1" applyFill="1" applyBorder="1" applyAlignment="1">
      <alignment horizontal="right" vertical="center" indent="1"/>
    </xf>
    <xf numFmtId="184" fontId="4" fillId="0" borderId="14" xfId="3" applyNumberFormat="1" applyFont="1" applyFill="1" applyBorder="1" applyAlignment="1">
      <alignment horizontal="right" vertical="top" indent="1"/>
    </xf>
    <xf numFmtId="184" fontId="4" fillId="0" borderId="8" xfId="3" applyNumberFormat="1" applyFont="1" applyFill="1" applyBorder="1" applyAlignment="1">
      <alignment horizontal="right" vertical="top" indent="1"/>
    </xf>
    <xf numFmtId="186" fontId="4" fillId="0" borderId="20" xfId="3" applyNumberFormat="1" applyFont="1" applyFill="1" applyBorder="1" applyAlignment="1">
      <alignment horizontal="right" vertical="top" indent="1"/>
    </xf>
    <xf numFmtId="0" fontId="25" fillId="0" borderId="10" xfId="1" applyFont="1" applyFill="1" applyBorder="1" applyAlignment="1">
      <alignment horizontal="left" vertical="top"/>
    </xf>
    <xf numFmtId="0" fontId="22" fillId="0" borderId="20" xfId="1" applyFont="1" applyFill="1" applyBorder="1"/>
    <xf numFmtId="184" fontId="4" fillId="0" borderId="23" xfId="3" applyNumberFormat="1" applyFont="1" applyFill="1" applyBorder="1" applyAlignment="1">
      <alignment horizontal="right" vertical="top" indent="1"/>
    </xf>
    <xf numFmtId="0" fontId="28" fillId="0" borderId="20" xfId="2" applyFont="1" applyFill="1" applyBorder="1" applyAlignment="1" applyProtection="1">
      <alignment horizontal="center" vertical="top"/>
    </xf>
    <xf numFmtId="0" fontId="11" fillId="0" borderId="21" xfId="1" applyFont="1" applyFill="1" applyBorder="1" applyAlignment="1">
      <alignment horizontal="left" vertical="top" wrapText="1" indent="1"/>
    </xf>
    <xf numFmtId="0" fontId="10" fillId="0" borderId="17" xfId="1" applyFont="1" applyFill="1" applyBorder="1" applyAlignment="1">
      <alignment horizontal="left" vertical="top" wrapText="1" indent="1"/>
    </xf>
    <xf numFmtId="49" fontId="11" fillId="0" borderId="17" xfId="1" applyNumberFormat="1" applyFont="1" applyFill="1" applyBorder="1" applyAlignment="1">
      <alignment horizontal="right" vertical="center" indent="1"/>
    </xf>
    <xf numFmtId="187" fontId="28" fillId="0" borderId="0" xfId="2" applyNumberFormat="1" applyFont="1" applyFill="1" applyBorder="1" applyAlignment="1" applyProtection="1">
      <alignment horizontal="right" vertical="center" indent="1"/>
    </xf>
    <xf numFmtId="0" fontId="10" fillId="0" borderId="7" xfId="1" applyFont="1" applyFill="1" applyBorder="1" applyAlignment="1">
      <alignment horizontal="left" vertical="top" wrapText="1"/>
    </xf>
    <xf numFmtId="0" fontId="10" fillId="0" borderId="0" xfId="1" applyFont="1" applyFill="1" applyBorder="1" applyAlignment="1">
      <alignment horizontal="left" vertical="top" wrapText="1"/>
    </xf>
    <xf numFmtId="49" fontId="11" fillId="0" borderId="0" xfId="1" applyNumberFormat="1" applyFont="1" applyFill="1" applyBorder="1" applyAlignment="1">
      <alignment horizontal="right" vertical="top" indent="1"/>
    </xf>
    <xf numFmtId="49" fontId="14" fillId="0" borderId="1" xfId="1" applyNumberFormat="1" applyFont="1" applyFill="1" applyBorder="1" applyAlignment="1">
      <alignment horizontal="left" vertical="top"/>
    </xf>
    <xf numFmtId="49" fontId="14" fillId="0" borderId="0" xfId="1" applyNumberFormat="1" applyFont="1" applyFill="1" applyBorder="1" applyAlignment="1">
      <alignment horizontal="left" vertical="center"/>
    </xf>
    <xf numFmtId="184" fontId="4" fillId="0" borderId="8" xfId="1" applyNumberFormat="1" applyFont="1" applyFill="1" applyBorder="1" applyAlignment="1">
      <alignment horizontal="right" vertical="center" indent="1"/>
    </xf>
    <xf numFmtId="0" fontId="8" fillId="0" borderId="0" xfId="1" applyFont="1" applyFill="1" applyBorder="1"/>
    <xf numFmtId="49" fontId="6" fillId="0" borderId="5" xfId="1" applyNumberFormat="1" applyFont="1" applyFill="1" applyBorder="1" applyAlignment="1">
      <alignment horizontal="right" vertical="top" indent="1"/>
    </xf>
    <xf numFmtId="49" fontId="6" fillId="0" borderId="6" xfId="1" applyNumberFormat="1" applyFont="1" applyFill="1" applyBorder="1" applyAlignment="1">
      <alignment horizontal="right" vertical="top" indent="1"/>
    </xf>
    <xf numFmtId="184" fontId="4" fillId="0" borderId="26" xfId="3" applyNumberFormat="1" applyFont="1" applyFill="1" applyBorder="1" applyAlignment="1">
      <alignment horizontal="right" vertical="top" indent="1"/>
    </xf>
    <xf numFmtId="184" fontId="4" fillId="0" borderId="27" xfId="3" applyNumberFormat="1" applyFont="1" applyFill="1" applyBorder="1" applyAlignment="1">
      <alignment horizontal="right" vertical="top" indent="1"/>
    </xf>
    <xf numFmtId="178" fontId="4" fillId="0" borderId="0" xfId="1" applyNumberFormat="1" applyFont="1" applyFill="1" applyBorder="1" applyAlignment="1">
      <alignment horizontal="right" vertical="top" indent="1"/>
    </xf>
    <xf numFmtId="178" fontId="4" fillId="0" borderId="27" xfId="1" applyNumberFormat="1" applyFont="1" applyFill="1" applyBorder="1" applyAlignment="1">
      <alignment horizontal="right" vertical="top" indent="1"/>
    </xf>
    <xf numFmtId="178" fontId="4" fillId="0" borderId="20" xfId="1" applyNumberFormat="1" applyFont="1" applyFill="1" applyBorder="1" applyAlignment="1">
      <alignment horizontal="right" vertical="top" indent="1"/>
    </xf>
    <xf numFmtId="178" fontId="4" fillId="0" borderId="28" xfId="1" applyNumberFormat="1" applyFont="1" applyFill="1" applyBorder="1" applyAlignment="1">
      <alignment horizontal="right" vertical="top" indent="1"/>
    </xf>
    <xf numFmtId="184" fontId="6" fillId="0" borderId="5" xfId="1" applyNumberFormat="1" applyFont="1" applyFill="1" applyBorder="1" applyAlignment="1">
      <alignment horizontal="right" vertical="top" indent="1"/>
    </xf>
    <xf numFmtId="179" fontId="4" fillId="0" borderId="0" xfId="1" applyNumberFormat="1" applyFont="1" applyFill="1" applyBorder="1" applyAlignment="1">
      <alignment horizontal="right" vertical="top" indent="1"/>
    </xf>
    <xf numFmtId="179" fontId="4" fillId="0" borderId="26" xfId="1" applyNumberFormat="1" applyFont="1" applyFill="1" applyBorder="1" applyAlignment="1">
      <alignment horizontal="right" vertical="top" indent="1"/>
    </xf>
    <xf numFmtId="179" fontId="4" fillId="0" borderId="27" xfId="1" applyNumberFormat="1" applyFont="1" applyFill="1" applyBorder="1" applyAlignment="1">
      <alignment horizontal="right" vertical="top" indent="1"/>
    </xf>
    <xf numFmtId="177" fontId="4" fillId="0" borderId="0" xfId="1" applyNumberFormat="1" applyFont="1" applyFill="1" applyBorder="1" applyAlignment="1">
      <alignment horizontal="right" vertical="top" indent="1"/>
    </xf>
    <xf numFmtId="177" fontId="4" fillId="0" borderId="27" xfId="1" applyNumberFormat="1" applyFont="1" applyFill="1" applyBorder="1" applyAlignment="1">
      <alignment horizontal="right" vertical="top" indent="1"/>
    </xf>
    <xf numFmtId="180" fontId="4" fillId="0" borderId="20" xfId="1" applyNumberFormat="1" applyFont="1" applyFill="1" applyBorder="1" applyAlignment="1">
      <alignment horizontal="right" vertical="top" indent="1"/>
    </xf>
    <xf numFmtId="180" fontId="4" fillId="0" borderId="28" xfId="1" applyNumberFormat="1" applyFont="1" applyFill="1" applyBorder="1" applyAlignment="1">
      <alignment horizontal="right" vertical="top" indent="1"/>
    </xf>
    <xf numFmtId="0" fontId="31" fillId="0" borderId="0" xfId="1" applyFont="1" applyFill="1" applyBorder="1" applyAlignment="1">
      <alignment horizontal="left" vertical="top"/>
    </xf>
    <xf numFmtId="0" fontId="35" fillId="0" borderId="0" xfId="1" applyFont="1" applyFill="1" applyBorder="1"/>
    <xf numFmtId="177" fontId="4" fillId="0" borderId="26" xfId="1" applyNumberFormat="1" applyFont="1" applyFill="1" applyBorder="1" applyAlignment="1">
      <alignment horizontal="right" vertical="top" indent="1"/>
    </xf>
    <xf numFmtId="177" fontId="4" fillId="0" borderId="20" xfId="1" applyNumberFormat="1" applyFont="1" applyFill="1" applyBorder="1" applyAlignment="1">
      <alignment horizontal="right" vertical="top" indent="1"/>
    </xf>
    <xf numFmtId="177" fontId="4" fillId="0" borderId="28" xfId="1" applyNumberFormat="1" applyFont="1" applyFill="1" applyBorder="1" applyAlignment="1">
      <alignment horizontal="right" vertical="top" indent="1"/>
    </xf>
    <xf numFmtId="184" fontId="31" fillId="0" borderId="19" xfId="3" applyNumberFormat="1" applyFont="1" applyFill="1" applyBorder="1" applyAlignment="1">
      <alignment horizontal="left" vertical="top"/>
    </xf>
    <xf numFmtId="179" fontId="4" fillId="0" borderId="20" xfId="1" applyNumberFormat="1" applyFont="1" applyFill="1" applyBorder="1" applyAlignment="1">
      <alignment horizontal="right" vertical="top" indent="1"/>
    </xf>
    <xf numFmtId="179" fontId="4" fillId="0" borderId="28" xfId="1" applyNumberFormat="1" applyFont="1" applyFill="1" applyBorder="1" applyAlignment="1">
      <alignment horizontal="right" vertical="top" indent="1"/>
    </xf>
    <xf numFmtId="0" fontId="36" fillId="0" borderId="0" xfId="1" applyFont="1" applyFill="1" applyBorder="1" applyAlignment="1">
      <alignment horizontal="left" vertical="top"/>
    </xf>
    <xf numFmtId="185" fontId="4" fillId="0" borderId="0" xfId="3" applyNumberFormat="1" applyFont="1" applyFill="1" applyBorder="1" applyAlignment="1">
      <alignment horizontal="right" vertical="top" indent="1"/>
    </xf>
    <xf numFmtId="185" fontId="4" fillId="0" borderId="8" xfId="3" applyNumberFormat="1" applyFont="1" applyFill="1" applyBorder="1" applyAlignment="1">
      <alignment horizontal="right" vertical="top" indent="1"/>
    </xf>
    <xf numFmtId="181" fontId="4" fillId="0" borderId="20" xfId="1" applyNumberFormat="1" applyFont="1" applyFill="1" applyBorder="1" applyAlignment="1">
      <alignment horizontal="right" vertical="top" indent="1"/>
    </xf>
    <xf numFmtId="181" fontId="4" fillId="0" borderId="13" xfId="1" applyNumberFormat="1" applyFont="1" applyFill="1" applyBorder="1" applyAlignment="1">
      <alignment horizontal="right" vertical="top" indent="1"/>
    </xf>
    <xf numFmtId="0" fontId="31" fillId="0" borderId="10" xfId="1" applyFont="1" applyFill="1" applyBorder="1" applyAlignment="1">
      <alignment horizontal="left" vertical="top"/>
    </xf>
    <xf numFmtId="184" fontId="31" fillId="0" borderId="10" xfId="3" applyNumberFormat="1" applyFont="1" applyFill="1" applyBorder="1" applyAlignment="1">
      <alignment horizontal="left" vertical="top"/>
    </xf>
    <xf numFmtId="0" fontId="35" fillId="0" borderId="20" xfId="1" applyFont="1" applyFill="1" applyBorder="1"/>
    <xf numFmtId="184" fontId="4" fillId="0" borderId="20" xfId="3" applyNumberFormat="1" applyFont="1" applyFill="1" applyBorder="1"/>
    <xf numFmtId="185" fontId="4" fillId="0" borderId="29" xfId="3" applyNumberFormat="1" applyFont="1" applyFill="1" applyBorder="1" applyAlignment="1">
      <alignment horizontal="right" vertical="top" indent="1"/>
    </xf>
    <xf numFmtId="186" fontId="4" fillId="0" borderId="0" xfId="3" applyNumberFormat="1" applyFont="1" applyFill="1" applyBorder="1" applyAlignment="1">
      <alignment horizontal="right" vertical="top" indent="1"/>
    </xf>
    <xf numFmtId="186" fontId="4" fillId="0" borderId="29" xfId="3" applyNumberFormat="1" applyFont="1" applyFill="1" applyBorder="1" applyAlignment="1">
      <alignment horizontal="right" vertical="top" indent="1"/>
    </xf>
    <xf numFmtId="186" fontId="4" fillId="0" borderId="1" xfId="3" applyNumberFormat="1" applyFont="1" applyFill="1" applyBorder="1" applyAlignment="1">
      <alignment horizontal="right" vertical="top" indent="1"/>
    </xf>
    <xf numFmtId="186" fontId="4" fillId="0" borderId="13" xfId="3" applyNumberFormat="1" applyFont="1" applyFill="1" applyBorder="1" applyAlignment="1">
      <alignment horizontal="right" vertical="top" indent="1"/>
    </xf>
    <xf numFmtId="0" fontId="26" fillId="0" borderId="0" xfId="0" applyFont="1" applyAlignment="1"/>
    <xf numFmtId="184" fontId="30" fillId="0" borderId="0" xfId="3" applyNumberFormat="1" applyFont="1" applyFill="1" applyBorder="1" applyAlignment="1">
      <alignment horizontal="left" vertical="top" wrapText="1"/>
    </xf>
    <xf numFmtId="184" fontId="6" fillId="0" borderId="0" xfId="1" applyNumberFormat="1" applyFont="1" applyFill="1" applyBorder="1" applyAlignment="1">
      <alignment horizontal="right" vertical="top" indent="1"/>
    </xf>
    <xf numFmtId="49" fontId="6" fillId="0" borderId="8" xfId="1" applyNumberFormat="1" applyFont="1" applyFill="1" applyBorder="1" applyAlignment="1">
      <alignment horizontal="right" vertical="top" indent="1"/>
    </xf>
    <xf numFmtId="184" fontId="4" fillId="0" borderId="8" xfId="1" applyNumberFormat="1" applyFont="1" applyFill="1" applyBorder="1" applyAlignment="1">
      <alignment horizontal="right" vertical="top" indent="1"/>
    </xf>
    <xf numFmtId="184" fontId="4" fillId="0" borderId="17" xfId="3" applyNumberFormat="1" applyFont="1" applyFill="1" applyBorder="1" applyAlignment="1">
      <alignment horizontal="right" vertical="top" indent="1"/>
    </xf>
    <xf numFmtId="184" fontId="4" fillId="0" borderId="13" xfId="1" applyNumberFormat="1" applyFont="1" applyFill="1" applyBorder="1" applyAlignment="1">
      <alignment horizontal="right" vertical="top" indent="1"/>
    </xf>
    <xf numFmtId="184" fontId="6" fillId="0" borderId="8" xfId="1" applyNumberFormat="1" applyFont="1" applyFill="1" applyBorder="1" applyAlignment="1">
      <alignment horizontal="right" vertical="top" indent="1"/>
    </xf>
    <xf numFmtId="184" fontId="4" fillId="0" borderId="0" xfId="1" applyNumberFormat="1" applyFont="1" applyFill="1" applyBorder="1" applyAlignment="1">
      <alignment horizontal="right" vertical="top" indent="1"/>
    </xf>
    <xf numFmtId="184" fontId="4" fillId="0" borderId="20" xfId="1" applyNumberFormat="1" applyFont="1" applyFill="1" applyBorder="1" applyAlignment="1">
      <alignment horizontal="right" vertical="top" indent="1"/>
    </xf>
    <xf numFmtId="184" fontId="6" fillId="0" borderId="16" xfId="1" applyNumberFormat="1" applyFont="1" applyFill="1" applyBorder="1" applyAlignment="1">
      <alignment horizontal="right" vertical="top" indent="1"/>
    </xf>
    <xf numFmtId="0" fontId="8" fillId="0" borderId="0" xfId="1" applyFont="1" applyFill="1"/>
    <xf numFmtId="0" fontId="8" fillId="0" borderId="1" xfId="1" applyFont="1" applyFill="1" applyBorder="1"/>
    <xf numFmtId="0" fontId="4" fillId="0" borderId="1" xfId="1" applyFont="1" applyFill="1" applyBorder="1" applyAlignment="1">
      <alignment horizontal="right"/>
    </xf>
    <xf numFmtId="49" fontId="3" fillId="0" borderId="5" xfId="1" applyNumberFormat="1" applyFont="1" applyFill="1" applyBorder="1" applyAlignment="1">
      <alignment horizontal="right" vertical="center" indent="1"/>
    </xf>
    <xf numFmtId="49" fontId="3" fillId="0" borderId="6" xfId="1" applyNumberFormat="1" applyFont="1" applyFill="1" applyBorder="1" applyAlignment="1">
      <alignment horizontal="right" vertical="center" indent="1"/>
    </xf>
    <xf numFmtId="177" fontId="4" fillId="0" borderId="16" xfId="1" applyNumberFormat="1" applyFont="1" applyFill="1" applyBorder="1" applyAlignment="1">
      <alignment horizontal="right" vertical="center" indent="1"/>
    </xf>
    <xf numFmtId="177" fontId="4" fillId="0" borderId="19" xfId="1" applyNumberFormat="1" applyFont="1" applyFill="1" applyBorder="1" applyAlignment="1">
      <alignment horizontal="right" vertical="center" indent="1"/>
    </xf>
    <xf numFmtId="184" fontId="4" fillId="0" borderId="11" xfId="2" applyNumberFormat="1" applyFont="1" applyFill="1" applyBorder="1" applyAlignment="1" applyProtection="1">
      <alignment horizontal="right" vertical="center" indent="1"/>
    </xf>
    <xf numFmtId="49" fontId="3" fillId="0" borderId="17" xfId="1" applyNumberFormat="1" applyFont="1" applyFill="1" applyBorder="1" applyAlignment="1">
      <alignment horizontal="right" vertical="center" indent="1"/>
    </xf>
    <xf numFmtId="49" fontId="3" fillId="0" borderId="24" xfId="1" applyNumberFormat="1" applyFont="1" applyFill="1" applyBorder="1" applyAlignment="1">
      <alignment horizontal="right" vertical="center" indent="1"/>
    </xf>
    <xf numFmtId="177" fontId="4" fillId="0" borderId="8" xfId="1" applyNumberFormat="1" applyFont="1" applyFill="1" applyBorder="1" applyAlignment="1">
      <alignment horizontal="right" vertical="center" indent="1"/>
    </xf>
    <xf numFmtId="184" fontId="4" fillId="0" borderId="10" xfId="2" applyNumberFormat="1" applyFont="1" applyFill="1" applyBorder="1" applyAlignment="1" applyProtection="1">
      <alignment horizontal="right" vertical="center" indent="1"/>
    </xf>
    <xf numFmtId="177" fontId="4" fillId="0" borderId="11" xfId="1" applyNumberFormat="1" applyFont="1" applyFill="1" applyBorder="1" applyAlignment="1">
      <alignment horizontal="right" vertical="center" indent="1"/>
    </xf>
    <xf numFmtId="0" fontId="4" fillId="0" borderId="0" xfId="1" applyFont="1" applyFill="1" applyBorder="1" applyAlignment="1">
      <alignment horizontal="right"/>
    </xf>
    <xf numFmtId="177" fontId="8" fillId="0" borderId="3" xfId="1" applyNumberFormat="1" applyFont="1" applyFill="1" applyBorder="1"/>
    <xf numFmtId="177" fontId="8" fillId="0" borderId="14" xfId="1" applyNumberFormat="1" applyFont="1" applyFill="1" applyBorder="1"/>
    <xf numFmtId="177" fontId="4" fillId="0" borderId="10" xfId="1" applyNumberFormat="1" applyFont="1" applyFill="1" applyBorder="1" applyAlignment="1">
      <alignment horizontal="right" vertical="center" indent="1"/>
    </xf>
    <xf numFmtId="177" fontId="8" fillId="0" borderId="0" xfId="1" applyNumberFormat="1" applyFont="1" applyFill="1" applyBorder="1"/>
    <xf numFmtId="177" fontId="8" fillId="0" borderId="8" xfId="1" applyNumberFormat="1" applyFont="1" applyFill="1" applyBorder="1"/>
    <xf numFmtId="49" fontId="3" fillId="0" borderId="15" xfId="1" applyNumberFormat="1" applyFont="1" applyFill="1" applyBorder="1" applyAlignment="1">
      <alignment horizontal="right" vertical="top" indent="1"/>
    </xf>
    <xf numFmtId="49" fontId="3" fillId="0" borderId="16" xfId="1" applyNumberFormat="1" applyFont="1" applyFill="1" applyBorder="1" applyAlignment="1">
      <alignment horizontal="right" vertical="center" indent="1"/>
    </xf>
    <xf numFmtId="49" fontId="3" fillId="0" borderId="0" xfId="1" applyNumberFormat="1" applyFont="1" applyFill="1" applyBorder="1" applyAlignment="1">
      <alignment horizontal="right" vertical="top" indent="1"/>
    </xf>
    <xf numFmtId="49" fontId="3" fillId="0" borderId="8" xfId="1" applyNumberFormat="1" applyFont="1" applyFill="1" applyBorder="1" applyAlignment="1">
      <alignment horizontal="right" vertical="top" indent="1"/>
    </xf>
    <xf numFmtId="176" fontId="4" fillId="0" borderId="0" xfId="1" applyNumberFormat="1" applyFont="1" applyFill="1" applyBorder="1" applyAlignment="1">
      <alignment horizontal="right" vertical="center" indent="1"/>
    </xf>
    <xf numFmtId="176" fontId="4" fillId="0" borderId="8" xfId="1" applyNumberFormat="1" applyFont="1" applyFill="1" applyBorder="1" applyAlignment="1">
      <alignment horizontal="right" vertical="center" indent="1"/>
    </xf>
    <xf numFmtId="177" fontId="4" fillId="3" borderId="0" xfId="1" applyNumberFormat="1" applyFont="1" applyFill="1" applyBorder="1" applyAlignment="1">
      <alignment horizontal="right" vertical="center" indent="1"/>
    </xf>
    <xf numFmtId="177" fontId="4" fillId="3" borderId="8" xfId="1" applyNumberFormat="1" applyFont="1" applyFill="1" applyBorder="1" applyAlignment="1">
      <alignment horizontal="right" vertical="center" indent="1"/>
    </xf>
    <xf numFmtId="177" fontId="4" fillId="0" borderId="1" xfId="1" applyNumberFormat="1" applyFont="1" applyFill="1" applyBorder="1" applyAlignment="1">
      <alignment horizontal="right" vertical="center" indent="1"/>
    </xf>
    <xf numFmtId="176" fontId="4" fillId="0" borderId="10" xfId="1" applyNumberFormat="1" applyFont="1" applyFill="1" applyBorder="1" applyAlignment="1">
      <alignment horizontal="right" vertical="center" indent="1"/>
    </xf>
    <xf numFmtId="176" fontId="4" fillId="0" borderId="11" xfId="1" applyNumberFormat="1" applyFont="1" applyFill="1" applyBorder="1" applyAlignment="1">
      <alignment horizontal="right" vertical="center" indent="1"/>
    </xf>
    <xf numFmtId="177" fontId="4" fillId="0" borderId="13" xfId="1" applyNumberFormat="1" applyFont="1" applyFill="1" applyBorder="1" applyAlignment="1">
      <alignment horizontal="right" vertical="center" indent="1"/>
    </xf>
    <xf numFmtId="0" fontId="4" fillId="0" borderId="8" xfId="1" applyFont="1" applyFill="1" applyBorder="1" applyAlignment="1">
      <alignment horizontal="right"/>
    </xf>
    <xf numFmtId="177" fontId="4" fillId="0" borderId="3" xfId="1" applyNumberFormat="1" applyFont="1" applyFill="1" applyBorder="1" applyAlignment="1">
      <alignment horizontal="right" vertical="center" indent="1"/>
    </xf>
    <xf numFmtId="177" fontId="4" fillId="0" borderId="26" xfId="1" applyNumberFormat="1" applyFont="1" applyFill="1" applyBorder="1" applyAlignment="1">
      <alignment horizontal="right" vertical="center" indent="1"/>
    </xf>
    <xf numFmtId="177" fontId="4" fillId="0" borderId="27" xfId="1" applyNumberFormat="1" applyFont="1" applyFill="1" applyBorder="1" applyAlignment="1">
      <alignment horizontal="right" vertical="center" indent="1"/>
    </xf>
    <xf numFmtId="177" fontId="4" fillId="0" borderId="30" xfId="1" applyNumberFormat="1" applyFont="1" applyFill="1" applyBorder="1" applyAlignment="1">
      <alignment horizontal="right" vertical="center" indent="1"/>
    </xf>
    <xf numFmtId="177" fontId="4" fillId="0" borderId="2" xfId="1" applyNumberFormat="1" applyFont="1" applyFill="1" applyBorder="1" applyAlignment="1">
      <alignment horizontal="right" vertical="center" indent="1"/>
    </xf>
    <xf numFmtId="177" fontId="4" fillId="0" borderId="25" xfId="1" applyNumberFormat="1" applyFont="1" applyFill="1" applyBorder="1" applyAlignment="1">
      <alignment horizontal="right" vertical="center" indent="1"/>
    </xf>
    <xf numFmtId="184" fontId="4" fillId="0" borderId="25" xfId="1" applyNumberFormat="1" applyFont="1" applyFill="1" applyBorder="1" applyAlignment="1">
      <alignment horizontal="right" vertical="center" indent="1"/>
    </xf>
    <xf numFmtId="177" fontId="4" fillId="0" borderId="31" xfId="1" applyNumberFormat="1" applyFont="1" applyFill="1" applyBorder="1" applyAlignment="1">
      <alignment horizontal="right" vertical="center" indent="1"/>
    </xf>
    <xf numFmtId="0" fontId="12" fillId="0" borderId="32" xfId="1" applyFont="1" applyFill="1" applyBorder="1" applyAlignment="1">
      <alignment horizontal="center" vertical="top"/>
    </xf>
    <xf numFmtId="179" fontId="12" fillId="0" borderId="32" xfId="1" applyNumberFormat="1" applyFont="1" applyFill="1" applyBorder="1" applyAlignment="1">
      <alignment horizontal="right" vertical="top" indent="1"/>
    </xf>
    <xf numFmtId="184" fontId="6" fillId="0" borderId="32" xfId="1" applyNumberFormat="1" applyFont="1" applyFill="1" applyBorder="1" applyAlignment="1">
      <alignment horizontal="right" vertical="top" indent="1"/>
    </xf>
    <xf numFmtId="177" fontId="4" fillId="0" borderId="29" xfId="1" applyNumberFormat="1" applyFont="1" applyFill="1" applyBorder="1" applyAlignment="1">
      <alignment horizontal="right" vertical="center" indent="1"/>
    </xf>
    <xf numFmtId="184" fontId="4" fillId="0" borderId="8" xfId="3" applyNumberFormat="1" applyFont="1" applyFill="1" applyBorder="1" applyAlignment="1">
      <alignment horizontal="right" vertical="center" indent="1"/>
    </xf>
    <xf numFmtId="37" fontId="4" fillId="0" borderId="29" xfId="3" applyNumberFormat="1" applyFont="1" applyFill="1" applyBorder="1" applyAlignment="1">
      <alignment horizontal="right" vertical="top" indent="1"/>
    </xf>
    <xf numFmtId="188" fontId="4" fillId="0" borderId="13" xfId="3" applyNumberFormat="1" applyFont="1" applyFill="1" applyBorder="1" applyAlignment="1">
      <alignment horizontal="right" vertical="top" indent="1"/>
    </xf>
    <xf numFmtId="37" fontId="37" fillId="0" borderId="0" xfId="3" applyNumberFormat="1" applyFont="1" applyFill="1" applyBorder="1" applyAlignment="1" applyProtection="1">
      <alignment horizontal="right" vertical="center" indent="1"/>
    </xf>
    <xf numFmtId="37" fontId="37" fillId="0" borderId="0" xfId="2" applyNumberFormat="1" applyFont="1" applyFill="1" applyBorder="1" applyAlignment="1" applyProtection="1">
      <alignment horizontal="right" vertical="center" indent="1"/>
    </xf>
    <xf numFmtId="187" fontId="37" fillId="0" borderId="15" xfId="2" applyNumberFormat="1" applyFont="1" applyFill="1" applyBorder="1" applyAlignment="1" applyProtection="1">
      <alignment horizontal="right" vertical="center" indent="1"/>
    </xf>
    <xf numFmtId="177" fontId="37" fillId="0" borderId="15" xfId="1" applyNumberFormat="1" applyFont="1" applyFill="1" applyBorder="1" applyAlignment="1">
      <alignment horizontal="right" vertical="center" indent="1"/>
    </xf>
    <xf numFmtId="187" fontId="37" fillId="0" borderId="19" xfId="2" applyNumberFormat="1" applyFont="1" applyFill="1" applyBorder="1" applyAlignment="1" applyProtection="1">
      <alignment horizontal="right" vertical="center" indent="1"/>
    </xf>
    <xf numFmtId="37" fontId="4" fillId="0" borderId="0" xfId="2" applyNumberFormat="1" applyFont="1" applyFill="1" applyBorder="1" applyAlignment="1" applyProtection="1">
      <alignment horizontal="right" vertical="center" indent="1"/>
    </xf>
    <xf numFmtId="187" fontId="4" fillId="0" borderId="15" xfId="2" applyNumberFormat="1" applyFont="1" applyFill="1" applyBorder="1" applyAlignment="1" applyProtection="1">
      <alignment horizontal="right" vertical="center" indent="1"/>
    </xf>
    <xf numFmtId="177" fontId="12" fillId="0" borderId="32" xfId="1" applyNumberFormat="1" applyFont="1" applyFill="1" applyBorder="1" applyAlignment="1">
      <alignment horizontal="right" vertical="center" indent="1"/>
    </xf>
    <xf numFmtId="177" fontId="4" fillId="0" borderId="32" xfId="1" applyNumberFormat="1" applyFont="1" applyFill="1" applyBorder="1" applyAlignment="1">
      <alignment horizontal="right" vertical="center" indent="1"/>
    </xf>
    <xf numFmtId="177" fontId="4" fillId="0" borderId="33" xfId="1" applyNumberFormat="1" applyFont="1" applyFill="1" applyBorder="1" applyAlignment="1">
      <alignment horizontal="right" vertical="center" indent="1"/>
    </xf>
    <xf numFmtId="177" fontId="12" fillId="0" borderId="19" xfId="1" applyNumberFormat="1" applyFont="1" applyFill="1" applyBorder="1" applyAlignment="1">
      <alignment horizontal="right" vertical="center" indent="1"/>
    </xf>
    <xf numFmtId="49" fontId="15" fillId="0" borderId="7" xfId="1" applyNumberFormat="1" applyFont="1" applyFill="1" applyBorder="1" applyAlignment="1">
      <alignment horizontal="left" vertical="center" indent="2" shrinkToFit="1"/>
    </xf>
    <xf numFmtId="0" fontId="25" fillId="0" borderId="0" xfId="1" applyFont="1" applyFill="1" applyBorder="1" applyAlignment="1">
      <alignment horizontal="left" vertical="top"/>
    </xf>
    <xf numFmtId="0" fontId="0" fillId="0" borderId="0" xfId="0" applyAlignment="1"/>
    <xf numFmtId="0" fontId="25" fillId="0" borderId="0" xfId="1" applyFont="1" applyFill="1" applyBorder="1" applyAlignment="1">
      <alignment horizontal="left" vertical="top"/>
    </xf>
    <xf numFmtId="0" fontId="6" fillId="0" borderId="0" xfId="0" applyFont="1" applyAlignment="1">
      <alignment vertical="center"/>
    </xf>
    <xf numFmtId="0" fontId="0" fillId="0" borderId="0" xfId="0" applyAlignment="1">
      <alignmen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0" fillId="0" borderId="0" xfId="0" applyAlignment="1">
      <alignment horizontal="center" vertical="center"/>
    </xf>
    <xf numFmtId="0" fontId="25" fillId="0" borderId="0" xfId="1" applyFont="1" applyFill="1" applyBorder="1" applyAlignment="1">
      <alignment horizontal="left" vertical="top"/>
    </xf>
    <xf numFmtId="0" fontId="0" fillId="0" borderId="0" xfId="0" applyAlignment="1"/>
    <xf numFmtId="0" fontId="34" fillId="0" borderId="0" xfId="1" applyFont="1" applyFill="1" applyBorder="1" applyAlignment="1">
      <alignment horizontal="left" vertical="top"/>
    </xf>
    <xf numFmtId="0" fontId="38" fillId="0" borderId="0" xfId="1" applyFont="1" applyFill="1" applyBorder="1" applyAlignment="1">
      <alignment horizontal="left" vertical="top" wrapText="1"/>
    </xf>
    <xf numFmtId="0" fontId="26" fillId="0" borderId="0" xfId="0" applyFont="1" applyBorder="1" applyAlignment="1">
      <alignment horizontal="left" vertical="top" wrapText="1"/>
    </xf>
    <xf numFmtId="0" fontId="25" fillId="0" borderId="19" xfId="1" applyFont="1" applyFill="1" applyBorder="1" applyAlignment="1">
      <alignment horizontal="left" vertical="top" wrapText="1"/>
    </xf>
    <xf numFmtId="0" fontId="0" fillId="0" borderId="19" xfId="0" applyBorder="1" applyAlignment="1"/>
  </cellXfs>
  <cellStyles count="5">
    <cellStyle name="標準" xfId="0" builtinId="0"/>
    <cellStyle name="標準 2" xfId="1" xr:uid="{00000000-0005-0000-0000-000001000000}"/>
    <cellStyle name="標準 3" xfId="2" xr:uid="{00000000-0005-0000-0000-000002000000}"/>
    <cellStyle name="標準 3 2" xfId="3" xr:uid="{00000000-0005-0000-0000-000003000000}"/>
    <cellStyle name="標準_貸借対照表（１）"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workbookViewId="0">
      <selection activeCell="A3" sqref="A3"/>
    </sheetView>
  </sheetViews>
  <sheetFormatPr defaultRowHeight="15" x14ac:dyDescent="0.15"/>
  <cols>
    <col min="1" max="14" width="9.375" style="31" customWidth="1"/>
    <col min="15" max="16384" width="9" style="31"/>
  </cols>
  <sheetData>
    <row r="2" spans="1:14" x14ac:dyDescent="0.15">
      <c r="G2" s="41"/>
    </row>
    <row r="3" spans="1:14" x14ac:dyDescent="0.15">
      <c r="H3" s="74"/>
      <c r="I3" s="74"/>
    </row>
    <row r="4" spans="1:14" x14ac:dyDescent="0.15">
      <c r="H4" s="74"/>
      <c r="I4" s="74"/>
    </row>
    <row r="5" spans="1:14" x14ac:dyDescent="0.15">
      <c r="H5" s="74"/>
      <c r="I5" s="74"/>
    </row>
    <row r="6" spans="1:14" x14ac:dyDescent="0.15">
      <c r="H6" s="74"/>
      <c r="I6" s="74"/>
    </row>
    <row r="7" spans="1:14" x14ac:dyDescent="0.15">
      <c r="H7" s="74"/>
      <c r="I7" s="74"/>
    </row>
    <row r="8" spans="1:14" ht="51" customHeight="1" x14ac:dyDescent="0.15">
      <c r="A8" s="274" t="s">
        <v>3</v>
      </c>
      <c r="B8" s="274"/>
      <c r="C8" s="274"/>
      <c r="D8" s="274"/>
      <c r="E8" s="274"/>
      <c r="F8" s="274"/>
      <c r="G8" s="274"/>
      <c r="H8" s="275"/>
      <c r="I8" s="275"/>
      <c r="J8" s="274"/>
      <c r="K8" s="274"/>
      <c r="L8" s="274"/>
      <c r="M8" s="274"/>
      <c r="N8" s="274"/>
    </row>
    <row r="9" spans="1:14" ht="22.5" customHeight="1" x14ac:dyDescent="0.35">
      <c r="A9" s="29"/>
      <c r="B9" s="30"/>
      <c r="C9" s="30"/>
      <c r="D9" s="30"/>
      <c r="E9" s="277" t="s">
        <v>227</v>
      </c>
      <c r="F9" s="277"/>
      <c r="G9" s="277"/>
      <c r="H9" s="277"/>
      <c r="I9" s="277"/>
      <c r="J9" s="277"/>
      <c r="K9" s="30"/>
      <c r="L9" s="30"/>
      <c r="M9" s="30"/>
      <c r="N9" s="30"/>
    </row>
    <row r="10" spans="1:14" ht="22.5" customHeight="1" x14ac:dyDescent="0.15">
      <c r="A10" s="30"/>
      <c r="B10" s="30"/>
      <c r="C10" s="30"/>
      <c r="D10" s="30"/>
      <c r="E10" s="278" t="s">
        <v>228</v>
      </c>
      <c r="F10" s="278"/>
      <c r="G10" s="278"/>
      <c r="H10" s="278"/>
      <c r="I10" s="278"/>
      <c r="J10" s="278"/>
      <c r="K10" s="30"/>
      <c r="L10" s="30"/>
      <c r="M10" s="30"/>
      <c r="N10" s="30"/>
    </row>
    <row r="11" spans="1:14" ht="22.5" customHeight="1" x14ac:dyDescent="0.15">
      <c r="H11" s="74"/>
      <c r="I11" s="74"/>
    </row>
    <row r="12" spans="1:14" ht="22.5" customHeight="1" x14ac:dyDescent="0.15">
      <c r="A12" s="32"/>
      <c r="B12" s="32"/>
      <c r="C12" s="32"/>
      <c r="D12" s="32"/>
      <c r="E12" s="279" t="s">
        <v>4</v>
      </c>
      <c r="F12" s="279"/>
      <c r="G12" s="279"/>
      <c r="H12" s="279"/>
      <c r="I12" s="279"/>
      <c r="J12" s="279"/>
      <c r="K12" s="32"/>
      <c r="L12" s="32"/>
      <c r="M12" s="32"/>
      <c r="N12" s="32"/>
    </row>
    <row r="13" spans="1:14" ht="22.5" customHeight="1" x14ac:dyDescent="0.15">
      <c r="A13" s="32"/>
      <c r="B13" s="32"/>
      <c r="C13" s="32"/>
      <c r="D13" s="32"/>
      <c r="E13" s="33"/>
      <c r="F13" s="34"/>
      <c r="G13" s="34"/>
      <c r="H13" s="34"/>
      <c r="I13" s="34"/>
      <c r="J13" s="35"/>
      <c r="K13" s="32"/>
      <c r="L13" s="32"/>
      <c r="M13" s="32"/>
      <c r="N13" s="32"/>
    </row>
    <row r="14" spans="1:14" ht="22.5" customHeight="1" x14ac:dyDescent="0.15">
      <c r="A14" s="36"/>
      <c r="B14" s="36"/>
      <c r="C14" s="32"/>
      <c r="D14" s="36"/>
      <c r="E14" s="45" t="s">
        <v>56</v>
      </c>
      <c r="F14" s="43"/>
      <c r="G14" s="43"/>
      <c r="H14" s="43"/>
      <c r="I14" s="43"/>
      <c r="J14" s="44"/>
      <c r="K14" s="36"/>
      <c r="L14" s="36"/>
      <c r="M14" s="36"/>
      <c r="N14" s="36"/>
    </row>
    <row r="15" spans="1:14" ht="22.5" customHeight="1" x14ac:dyDescent="0.15">
      <c r="A15" s="32"/>
      <c r="B15" s="32"/>
      <c r="C15" s="32"/>
      <c r="D15" s="32"/>
      <c r="E15" s="45" t="s">
        <v>54</v>
      </c>
      <c r="F15" s="43"/>
      <c r="G15" s="43"/>
      <c r="H15" s="43"/>
      <c r="I15" s="43"/>
      <c r="J15" s="44"/>
      <c r="K15" s="32"/>
      <c r="L15" s="32"/>
      <c r="M15" s="32"/>
      <c r="N15" s="32"/>
    </row>
    <row r="16" spans="1:14" ht="22.5" customHeight="1" x14ac:dyDescent="0.15">
      <c r="A16" s="32"/>
      <c r="B16" s="32"/>
      <c r="C16" s="32"/>
      <c r="D16" s="32"/>
      <c r="E16" s="45" t="s">
        <v>57</v>
      </c>
      <c r="F16" s="43"/>
      <c r="G16" s="43"/>
      <c r="H16" s="43"/>
      <c r="I16" s="43"/>
      <c r="J16" s="44"/>
      <c r="K16" s="32"/>
      <c r="L16" s="32"/>
      <c r="M16" s="32"/>
      <c r="N16" s="32"/>
    </row>
    <row r="17" spans="1:18" ht="22.5" customHeight="1" x14ac:dyDescent="0.15">
      <c r="A17" s="32"/>
      <c r="B17" s="32"/>
      <c r="C17" s="32"/>
      <c r="D17" s="32"/>
      <c r="E17" s="45" t="s">
        <v>272</v>
      </c>
      <c r="F17" s="43"/>
      <c r="G17" s="43"/>
      <c r="H17" s="43"/>
      <c r="I17" s="43"/>
      <c r="J17" s="44"/>
      <c r="K17" s="32"/>
      <c r="L17" s="32"/>
      <c r="M17" s="32"/>
      <c r="N17" s="32"/>
    </row>
    <row r="18" spans="1:18" ht="22.5" customHeight="1" x14ac:dyDescent="0.15">
      <c r="A18" s="32"/>
      <c r="B18" s="32"/>
      <c r="C18" s="32"/>
      <c r="D18" s="32"/>
      <c r="E18" s="45" t="s">
        <v>58</v>
      </c>
      <c r="F18" s="43"/>
      <c r="G18" s="43"/>
      <c r="H18" s="43"/>
      <c r="I18" s="43"/>
      <c r="J18" s="44"/>
      <c r="K18" s="32"/>
      <c r="L18" s="32"/>
      <c r="M18" s="32"/>
      <c r="N18" s="32"/>
    </row>
    <row r="19" spans="1:18" ht="22.5" customHeight="1" x14ac:dyDescent="0.15">
      <c r="A19" s="32"/>
      <c r="B19" s="32"/>
      <c r="C19" s="32"/>
      <c r="D19" s="32"/>
      <c r="E19" s="37"/>
      <c r="F19" s="38"/>
      <c r="G19" s="38"/>
      <c r="H19" s="38"/>
      <c r="I19" s="39"/>
      <c r="J19" s="40"/>
      <c r="K19" s="32"/>
      <c r="L19" s="32"/>
      <c r="M19" s="32"/>
      <c r="N19" s="32"/>
    </row>
    <row r="20" spans="1:18" ht="22.5" customHeight="1" x14ac:dyDescent="0.15">
      <c r="A20" s="32"/>
      <c r="B20" s="32"/>
      <c r="C20" s="32"/>
      <c r="D20" s="32"/>
      <c r="E20" s="32"/>
      <c r="F20" s="32"/>
      <c r="G20" s="32"/>
      <c r="H20" s="32"/>
      <c r="I20" s="32"/>
      <c r="J20" s="32"/>
      <c r="K20" s="32"/>
      <c r="L20" s="32"/>
      <c r="M20" s="32"/>
      <c r="N20" s="32"/>
    </row>
    <row r="21" spans="1:18" ht="22.5" customHeight="1" x14ac:dyDescent="0.15">
      <c r="A21" s="32"/>
      <c r="B21" s="276" t="s">
        <v>59</v>
      </c>
      <c r="C21" s="276"/>
      <c r="D21" s="276"/>
      <c r="E21" s="276"/>
      <c r="F21" s="276"/>
      <c r="G21" s="276"/>
      <c r="H21" s="276"/>
      <c r="I21" s="276"/>
      <c r="J21" s="276"/>
      <c r="K21" s="276"/>
      <c r="L21" s="276"/>
      <c r="M21" s="276"/>
      <c r="N21" s="32"/>
    </row>
    <row r="22" spans="1:18" ht="22.5" customHeight="1" x14ac:dyDescent="0.15">
      <c r="A22" s="32"/>
      <c r="B22" s="276" t="s">
        <v>172</v>
      </c>
      <c r="C22" s="280"/>
      <c r="D22" s="280"/>
      <c r="E22" s="280"/>
      <c r="F22" s="280"/>
      <c r="G22" s="280"/>
      <c r="H22" s="280"/>
      <c r="I22" s="280"/>
      <c r="J22" s="280"/>
      <c r="K22" s="280"/>
      <c r="L22" s="280"/>
      <c r="M22" s="280"/>
      <c r="N22" s="32"/>
    </row>
    <row r="23" spans="1:18" ht="22.5" customHeight="1" x14ac:dyDescent="0.15">
      <c r="R23" s="42"/>
    </row>
    <row r="24" spans="1:18" ht="22.5" customHeight="1" x14ac:dyDescent="0.15">
      <c r="A24" s="273" t="s">
        <v>60</v>
      </c>
      <c r="B24" s="273"/>
      <c r="C24" s="273"/>
      <c r="D24" s="273"/>
      <c r="E24" s="273"/>
      <c r="F24" s="273"/>
      <c r="G24" s="273"/>
      <c r="H24" s="273"/>
      <c r="I24" s="273"/>
      <c r="J24" s="273"/>
      <c r="K24" s="273"/>
      <c r="L24" s="273"/>
      <c r="M24" s="273"/>
      <c r="N24" s="273"/>
    </row>
    <row r="25" spans="1:18" ht="22.5" customHeight="1" x14ac:dyDescent="0.15">
      <c r="A25" s="30"/>
      <c r="B25" s="30"/>
      <c r="C25" s="30"/>
      <c r="D25" s="30"/>
      <c r="E25" s="30"/>
      <c r="F25" s="30"/>
      <c r="G25" s="30"/>
      <c r="H25" s="30"/>
      <c r="I25" s="30"/>
      <c r="J25" s="30"/>
      <c r="K25" s="30"/>
      <c r="L25" s="30"/>
      <c r="M25" s="30"/>
      <c r="N25" s="30"/>
    </row>
    <row r="27" spans="1:18" x14ac:dyDescent="0.15">
      <c r="E27" s="271"/>
      <c r="F27" s="272"/>
      <c r="G27" s="272"/>
      <c r="H27" s="272"/>
      <c r="I27" s="272"/>
      <c r="J27" s="272"/>
      <c r="K27" s="272"/>
    </row>
    <row r="34" spans="24:29" x14ac:dyDescent="0.15">
      <c r="X34" s="32"/>
      <c r="Y34" s="32"/>
      <c r="Z34" s="32"/>
      <c r="AA34" s="32"/>
      <c r="AB34" s="32"/>
      <c r="AC34" s="32"/>
    </row>
    <row r="35" spans="24:29" x14ac:dyDescent="0.15">
      <c r="X35" s="32"/>
      <c r="Y35" s="32"/>
      <c r="Z35" s="32"/>
      <c r="AA35" s="32"/>
      <c r="AB35" s="32"/>
      <c r="AC35" s="32"/>
    </row>
    <row r="36" spans="24:29" x14ac:dyDescent="0.15">
      <c r="X36" s="32"/>
      <c r="Y36" s="32"/>
      <c r="Z36" s="32"/>
      <c r="AA36" s="32"/>
      <c r="AB36" s="32"/>
      <c r="AC36" s="32"/>
    </row>
    <row r="37" spans="24:29" x14ac:dyDescent="0.15">
      <c r="X37" s="32"/>
      <c r="Y37" s="32"/>
      <c r="Z37" s="32"/>
      <c r="AA37" s="32"/>
      <c r="AB37" s="32"/>
      <c r="AC37" s="32"/>
    </row>
    <row r="38" spans="24:29" x14ac:dyDescent="0.15">
      <c r="X38" s="32"/>
      <c r="Y38" s="32"/>
      <c r="Z38" s="32"/>
      <c r="AA38" s="32"/>
      <c r="AB38" s="32"/>
      <c r="AC38" s="32"/>
    </row>
  </sheetData>
  <mergeCells count="8">
    <mergeCell ref="E27:K27"/>
    <mergeCell ref="A24:N24"/>
    <mergeCell ref="A8:N8"/>
    <mergeCell ref="B21:M21"/>
    <mergeCell ref="E9:J9"/>
    <mergeCell ref="E10:J10"/>
    <mergeCell ref="E12:J12"/>
    <mergeCell ref="B22:M22"/>
  </mergeCells>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18"/>
  <sheetViews>
    <sheetView showGridLines="0" zoomScaleNormal="100" workbookViewId="0">
      <selection activeCell="A2" sqref="A2"/>
    </sheetView>
  </sheetViews>
  <sheetFormatPr defaultRowHeight="12.75" x14ac:dyDescent="0.2"/>
  <cols>
    <col min="1" max="1" width="2.625" style="1" customWidth="1"/>
    <col min="2" max="2" width="45.625" style="1" customWidth="1"/>
    <col min="3" max="3" width="8.625" style="1" customWidth="1"/>
    <col min="4" max="6" width="15.625" style="1" customWidth="1"/>
    <col min="7" max="7" width="15.625" style="159" customWidth="1"/>
    <col min="8" max="8" width="15.625" style="91" customWidth="1"/>
    <col min="9" max="9" width="2.625" style="1" customWidth="1"/>
    <col min="10" max="16384" width="9" style="1"/>
  </cols>
  <sheetData>
    <row r="1" spans="1:9" ht="21" x14ac:dyDescent="0.2">
      <c r="B1" s="2" t="s">
        <v>5</v>
      </c>
      <c r="H1" s="84"/>
    </row>
    <row r="2" spans="1:9" s="46" customFormat="1" ht="14.1" customHeight="1" x14ac:dyDescent="0.2">
      <c r="A2" s="60"/>
      <c r="B2" s="61" t="s">
        <v>139</v>
      </c>
      <c r="C2" s="62"/>
      <c r="D2" s="63" t="s">
        <v>152</v>
      </c>
      <c r="E2" s="63" t="s">
        <v>191</v>
      </c>
      <c r="F2" s="124" t="s">
        <v>192</v>
      </c>
      <c r="G2" s="160" t="s">
        <v>229</v>
      </c>
      <c r="H2" s="161" t="s">
        <v>230</v>
      </c>
      <c r="I2" s="60"/>
    </row>
    <row r="3" spans="1:9" x14ac:dyDescent="0.2">
      <c r="A3" s="3"/>
      <c r="B3" s="6" t="s">
        <v>6</v>
      </c>
      <c r="C3" s="7" t="s">
        <v>7</v>
      </c>
      <c r="D3" s="27">
        <v>2050639</v>
      </c>
      <c r="E3" s="27">
        <v>2427271</v>
      </c>
      <c r="F3" s="125">
        <v>2394767</v>
      </c>
      <c r="G3" s="125">
        <v>2262284</v>
      </c>
      <c r="H3" s="162">
        <v>2425910</v>
      </c>
      <c r="I3" s="3"/>
    </row>
    <row r="4" spans="1:9" ht="14.1" customHeight="1" x14ac:dyDescent="0.2">
      <c r="A4" s="3"/>
      <c r="B4" s="6" t="s">
        <v>161</v>
      </c>
      <c r="C4" s="7" t="s">
        <v>7</v>
      </c>
      <c r="D4" s="27">
        <v>62454</v>
      </c>
      <c r="E4" s="27">
        <v>90125</v>
      </c>
      <c r="F4" s="125">
        <v>77388</v>
      </c>
      <c r="G4" s="125">
        <v>51464</v>
      </c>
      <c r="H4" s="163">
        <v>83112</v>
      </c>
      <c r="I4" s="3"/>
    </row>
    <row r="5" spans="1:9" ht="14.1" customHeight="1" x14ac:dyDescent="0.2">
      <c r="A5" s="3"/>
      <c r="B5" s="6" t="s">
        <v>145</v>
      </c>
      <c r="C5" s="7" t="s">
        <v>7</v>
      </c>
      <c r="D5" s="27">
        <v>-24877</v>
      </c>
      <c r="E5" s="27">
        <v>70225</v>
      </c>
      <c r="F5" s="125">
        <v>64012</v>
      </c>
      <c r="G5" s="125">
        <v>13726</v>
      </c>
      <c r="H5" s="163">
        <v>53263</v>
      </c>
      <c r="I5" s="3"/>
    </row>
    <row r="6" spans="1:9" ht="14.1" customHeight="1" x14ac:dyDescent="0.2">
      <c r="A6" s="3"/>
      <c r="B6" s="6" t="s">
        <v>140</v>
      </c>
      <c r="C6" s="7" t="s">
        <v>8</v>
      </c>
      <c r="D6" s="59">
        <v>3</v>
      </c>
      <c r="E6" s="59">
        <v>3.7</v>
      </c>
      <c r="F6" s="59">
        <v>3.2</v>
      </c>
      <c r="G6" s="164">
        <v>2.2999999999999998</v>
      </c>
      <c r="H6" s="165">
        <v>3.4</v>
      </c>
      <c r="I6" s="3"/>
    </row>
    <row r="7" spans="1:9" ht="14.1" customHeight="1" x14ac:dyDescent="0.2">
      <c r="A7" s="3"/>
      <c r="B7" s="6" t="s">
        <v>146</v>
      </c>
      <c r="C7" s="7" t="s">
        <v>8</v>
      </c>
      <c r="D7" s="59">
        <v>-1.2</v>
      </c>
      <c r="E7" s="59">
        <v>2.9</v>
      </c>
      <c r="F7" s="59">
        <v>2.7</v>
      </c>
      <c r="G7" s="164">
        <v>0.6</v>
      </c>
      <c r="H7" s="165">
        <v>2.2000000000000002</v>
      </c>
      <c r="I7" s="3"/>
    </row>
    <row r="8" spans="1:9" ht="14.1" customHeight="1" x14ac:dyDescent="0.2">
      <c r="A8" s="3"/>
      <c r="B8" s="6" t="s">
        <v>9</v>
      </c>
      <c r="C8" s="7" t="s">
        <v>8</v>
      </c>
      <c r="D8" s="59">
        <v>-19.8</v>
      </c>
      <c r="E8" s="59">
        <v>20.9</v>
      </c>
      <c r="F8" s="59">
        <v>17.8</v>
      </c>
      <c r="G8" s="164">
        <v>4.5999999999999996</v>
      </c>
      <c r="H8" s="165">
        <v>17.600000000000001</v>
      </c>
      <c r="I8" s="3"/>
    </row>
    <row r="9" spans="1:9" ht="14.1" customHeight="1" x14ac:dyDescent="0.2">
      <c r="A9" s="3"/>
      <c r="B9" s="66" t="s">
        <v>10</v>
      </c>
      <c r="C9" s="104" t="s">
        <v>8</v>
      </c>
      <c r="D9" s="103">
        <v>-1.5</v>
      </c>
      <c r="E9" s="103">
        <v>3.8</v>
      </c>
      <c r="F9" s="103">
        <v>3.4</v>
      </c>
      <c r="G9" s="166">
        <v>0.7</v>
      </c>
      <c r="H9" s="167">
        <v>2.8</v>
      </c>
      <c r="I9" s="3"/>
    </row>
    <row r="10" spans="1:9" ht="11.25" customHeight="1" x14ac:dyDescent="0.2">
      <c r="B10" s="58" t="s">
        <v>147</v>
      </c>
      <c r="C10" s="26"/>
      <c r="D10" s="26"/>
      <c r="E10" s="26"/>
      <c r="F10" s="26"/>
      <c r="G10" s="85"/>
      <c r="H10" s="85"/>
    </row>
    <row r="11" spans="1:9" ht="11.25" customHeight="1" x14ac:dyDescent="0.2">
      <c r="B11" s="58" t="s">
        <v>74</v>
      </c>
      <c r="C11" s="26"/>
      <c r="D11" s="26"/>
      <c r="E11" s="26"/>
      <c r="F11" s="26"/>
      <c r="G11" s="85"/>
      <c r="H11" s="85"/>
    </row>
    <row r="12" spans="1:9" ht="11.25" customHeight="1" x14ac:dyDescent="0.2">
      <c r="B12" s="57" t="s">
        <v>75</v>
      </c>
      <c r="E12" s="3"/>
      <c r="F12" s="3"/>
      <c r="G12" s="86"/>
      <c r="H12" s="86"/>
    </row>
    <row r="13" spans="1:9" s="47" customFormat="1" ht="11.25" customHeight="1" x14ac:dyDescent="0.2">
      <c r="E13" s="72"/>
      <c r="F13" s="72"/>
      <c r="G13" s="87"/>
      <c r="H13" s="87"/>
    </row>
    <row r="14" spans="1:9" s="46" customFormat="1" ht="14.1" customHeight="1" x14ac:dyDescent="0.2">
      <c r="A14" s="60"/>
      <c r="B14" s="61" t="s">
        <v>63</v>
      </c>
      <c r="C14" s="62"/>
      <c r="D14" s="63" t="s">
        <v>152</v>
      </c>
      <c r="E14" s="63" t="s">
        <v>191</v>
      </c>
      <c r="F14" s="63" t="s">
        <v>192</v>
      </c>
      <c r="G14" s="168" t="s">
        <v>229</v>
      </c>
      <c r="H14" s="161" t="s">
        <v>230</v>
      </c>
      <c r="I14" s="60"/>
    </row>
    <row r="15" spans="1:9" ht="12.75" customHeight="1" x14ac:dyDescent="0.2">
      <c r="A15" s="3"/>
      <c r="B15" s="6" t="s">
        <v>11</v>
      </c>
      <c r="C15" s="7" t="s">
        <v>7</v>
      </c>
      <c r="D15" s="27">
        <v>1773682</v>
      </c>
      <c r="E15" s="64">
        <v>1908461</v>
      </c>
      <c r="F15" s="64">
        <v>1848551</v>
      </c>
      <c r="G15" s="169">
        <v>1811907</v>
      </c>
      <c r="H15" s="170">
        <v>1927226</v>
      </c>
      <c r="I15" s="3"/>
    </row>
    <row r="16" spans="1:9" ht="14.1" customHeight="1" x14ac:dyDescent="0.2">
      <c r="A16" s="3"/>
      <c r="B16" s="6" t="s">
        <v>159</v>
      </c>
      <c r="C16" s="7" t="s">
        <v>7</v>
      </c>
      <c r="D16" s="27">
        <v>1465881</v>
      </c>
      <c r="E16" s="64">
        <v>1506748</v>
      </c>
      <c r="F16" s="64">
        <v>1491220</v>
      </c>
      <c r="G16" s="169">
        <v>1540948</v>
      </c>
      <c r="H16" s="171">
        <v>1563087</v>
      </c>
      <c r="I16" s="3"/>
    </row>
    <row r="17" spans="1:9" ht="14.1" customHeight="1" x14ac:dyDescent="0.2">
      <c r="A17" s="3"/>
      <c r="B17" s="6" t="s">
        <v>110</v>
      </c>
      <c r="C17" s="7" t="s">
        <v>7</v>
      </c>
      <c r="D17" s="27">
        <v>307801</v>
      </c>
      <c r="E17" s="27">
        <v>401713</v>
      </c>
      <c r="F17" s="27">
        <v>357331</v>
      </c>
      <c r="G17" s="172">
        <v>270959</v>
      </c>
      <c r="H17" s="173">
        <v>364139</v>
      </c>
      <c r="I17" s="3"/>
    </row>
    <row r="18" spans="1:9" ht="14.1" customHeight="1" x14ac:dyDescent="0.2">
      <c r="A18" s="3"/>
      <c r="B18" s="6" t="s">
        <v>12</v>
      </c>
      <c r="C18" s="7" t="s">
        <v>7</v>
      </c>
      <c r="D18" s="27">
        <v>294154</v>
      </c>
      <c r="E18" s="27">
        <v>378340</v>
      </c>
      <c r="F18" s="27">
        <v>341452</v>
      </c>
      <c r="G18" s="172">
        <v>256273</v>
      </c>
      <c r="H18" s="173">
        <v>350348</v>
      </c>
      <c r="I18" s="3"/>
    </row>
    <row r="19" spans="1:9" ht="14.1" customHeight="1" x14ac:dyDescent="0.2">
      <c r="A19" s="3"/>
      <c r="B19" s="6" t="s">
        <v>13</v>
      </c>
      <c r="C19" s="7" t="s">
        <v>7</v>
      </c>
      <c r="D19" s="27">
        <v>657444</v>
      </c>
      <c r="E19" s="64">
        <v>637783</v>
      </c>
      <c r="F19" s="64">
        <v>667208</v>
      </c>
      <c r="G19" s="169">
        <v>793205</v>
      </c>
      <c r="H19" s="171">
        <v>740818</v>
      </c>
      <c r="I19" s="3"/>
    </row>
    <row r="20" spans="1:9" ht="14.1" customHeight="1" x14ac:dyDescent="0.2">
      <c r="A20" s="3"/>
      <c r="B20" s="6" t="s">
        <v>249</v>
      </c>
      <c r="C20" s="7" t="s">
        <v>7</v>
      </c>
      <c r="D20" s="27">
        <v>175327</v>
      </c>
      <c r="E20" s="64">
        <v>215480</v>
      </c>
      <c r="F20" s="64">
        <v>400560</v>
      </c>
      <c r="G20" s="169">
        <v>568156</v>
      </c>
      <c r="H20" s="171">
        <v>398901</v>
      </c>
      <c r="I20" s="3"/>
    </row>
    <row r="21" spans="1:9" ht="14.1" customHeight="1" x14ac:dyDescent="0.2">
      <c r="A21" s="3"/>
      <c r="B21" s="6" t="s">
        <v>14</v>
      </c>
      <c r="C21" s="7" t="s">
        <v>7</v>
      </c>
      <c r="D21" s="27">
        <v>217892</v>
      </c>
      <c r="E21" s="64">
        <v>219714</v>
      </c>
      <c r="F21" s="64">
        <v>241481</v>
      </c>
      <c r="G21" s="169">
        <v>292840</v>
      </c>
      <c r="H21" s="171">
        <v>263066</v>
      </c>
      <c r="I21" s="3"/>
    </row>
    <row r="22" spans="1:9" ht="14.1" customHeight="1" x14ac:dyDescent="0.2">
      <c r="A22" s="3"/>
      <c r="B22" s="6" t="s">
        <v>179</v>
      </c>
      <c r="C22" s="7" t="s">
        <v>8</v>
      </c>
      <c r="D22" s="59">
        <v>16.600000000000001</v>
      </c>
      <c r="E22" s="59">
        <v>19.8</v>
      </c>
      <c r="F22" s="59">
        <v>18.5</v>
      </c>
      <c r="G22" s="164">
        <v>14.1</v>
      </c>
      <c r="H22" s="165">
        <v>18.2</v>
      </c>
      <c r="I22" s="3"/>
    </row>
    <row r="23" spans="1:9" ht="14.1" customHeight="1" x14ac:dyDescent="0.2">
      <c r="A23" s="3"/>
      <c r="B23" s="6" t="s">
        <v>246</v>
      </c>
      <c r="C23" s="7" t="s">
        <v>15</v>
      </c>
      <c r="D23" s="59">
        <v>2.2000000000000002</v>
      </c>
      <c r="E23" s="59">
        <v>1.7</v>
      </c>
      <c r="F23" s="59">
        <v>2</v>
      </c>
      <c r="G23" s="164">
        <v>3.1</v>
      </c>
      <c r="H23" s="165">
        <v>2.1</v>
      </c>
      <c r="I23" s="3"/>
    </row>
    <row r="24" spans="1:9" ht="14.1" customHeight="1" x14ac:dyDescent="0.2">
      <c r="A24" s="3"/>
      <c r="B24" s="66" t="s">
        <v>247</v>
      </c>
      <c r="C24" s="104" t="s">
        <v>15</v>
      </c>
      <c r="D24" s="105">
        <v>0.6</v>
      </c>
      <c r="E24" s="105">
        <v>0.6</v>
      </c>
      <c r="F24" s="105">
        <v>1.2</v>
      </c>
      <c r="G24" s="174">
        <v>2.2000000000000002</v>
      </c>
      <c r="H24" s="175">
        <v>1.1000000000000001</v>
      </c>
      <c r="I24" s="3"/>
    </row>
    <row r="25" spans="1:9" ht="10.5" customHeight="1" x14ac:dyDescent="0.2">
      <c r="B25" s="58" t="s">
        <v>72</v>
      </c>
      <c r="C25" s="26"/>
      <c r="D25" s="26"/>
      <c r="E25" s="26"/>
      <c r="F25" s="26"/>
      <c r="G25" s="176"/>
      <c r="H25" s="85"/>
    </row>
    <row r="26" spans="1:9" ht="10.5" customHeight="1" x14ac:dyDescent="0.2">
      <c r="B26" s="57" t="s">
        <v>73</v>
      </c>
      <c r="F26" s="3"/>
      <c r="H26" s="86"/>
    </row>
    <row r="27" spans="1:9" ht="10.5" customHeight="1" x14ac:dyDescent="0.2">
      <c r="B27" s="57" t="s">
        <v>248</v>
      </c>
      <c r="F27" s="3"/>
      <c r="H27" s="86"/>
    </row>
    <row r="28" spans="1:9" ht="10.5" customHeight="1" x14ac:dyDescent="0.2">
      <c r="B28" s="57" t="s">
        <v>201</v>
      </c>
      <c r="F28" s="3"/>
      <c r="H28" s="86"/>
    </row>
    <row r="29" spans="1:9" ht="10.5" customHeight="1" x14ac:dyDescent="0.2">
      <c r="B29" s="57" t="s">
        <v>223</v>
      </c>
      <c r="F29" s="3"/>
      <c r="H29" s="86"/>
    </row>
    <row r="30" spans="1:9" s="47" customFormat="1" ht="10.5" customHeight="1" x14ac:dyDescent="0.2">
      <c r="F30" s="72"/>
      <c r="G30" s="177"/>
      <c r="H30" s="86"/>
    </row>
    <row r="31" spans="1:9" s="46" customFormat="1" ht="14.1" customHeight="1" x14ac:dyDescent="0.2">
      <c r="A31" s="60"/>
      <c r="B31" s="61" t="s">
        <v>64</v>
      </c>
      <c r="C31" s="62"/>
      <c r="D31" s="63" t="s">
        <v>152</v>
      </c>
      <c r="E31" s="63" t="s">
        <v>191</v>
      </c>
      <c r="F31" s="63" t="s">
        <v>192</v>
      </c>
      <c r="G31" s="168" t="s">
        <v>229</v>
      </c>
      <c r="H31" s="161" t="s">
        <v>231</v>
      </c>
      <c r="I31" s="60"/>
    </row>
    <row r="32" spans="1:9" ht="12.75" customHeight="1" x14ac:dyDescent="0.2">
      <c r="A32" s="3"/>
      <c r="B32" s="6" t="s">
        <v>16</v>
      </c>
      <c r="C32" s="7" t="s">
        <v>7</v>
      </c>
      <c r="D32" s="27">
        <v>127231</v>
      </c>
      <c r="E32" s="27">
        <v>105270</v>
      </c>
      <c r="F32" s="27">
        <v>78305</v>
      </c>
      <c r="G32" s="172">
        <v>68453</v>
      </c>
      <c r="H32" s="178">
        <v>204642</v>
      </c>
      <c r="I32" s="3"/>
    </row>
    <row r="33" spans="1:9" ht="14.1" customHeight="1" x14ac:dyDescent="0.2">
      <c r="A33" s="3"/>
      <c r="B33" s="6" t="s">
        <v>17</v>
      </c>
      <c r="C33" s="7" t="s">
        <v>7</v>
      </c>
      <c r="D33" s="27">
        <v>-90677</v>
      </c>
      <c r="E33" s="27">
        <v>-126006</v>
      </c>
      <c r="F33" s="27">
        <v>-168052</v>
      </c>
      <c r="G33" s="172">
        <v>-128249</v>
      </c>
      <c r="H33" s="173">
        <v>-14114</v>
      </c>
      <c r="I33" s="3"/>
    </row>
    <row r="34" spans="1:9" ht="14.1" customHeight="1" x14ac:dyDescent="0.2">
      <c r="A34" s="3"/>
      <c r="B34" s="6" t="s">
        <v>18</v>
      </c>
      <c r="C34" s="7" t="s">
        <v>7</v>
      </c>
      <c r="D34" s="27">
        <v>272199</v>
      </c>
      <c r="E34" s="27">
        <v>-29133</v>
      </c>
      <c r="F34" s="27">
        <v>-88517</v>
      </c>
      <c r="G34" s="172">
        <v>4560</v>
      </c>
      <c r="H34" s="173">
        <v>-76724</v>
      </c>
      <c r="I34" s="3"/>
    </row>
    <row r="35" spans="1:9" ht="14.1" customHeight="1" x14ac:dyDescent="0.2">
      <c r="A35" s="3"/>
      <c r="B35" s="6" t="s">
        <v>19</v>
      </c>
      <c r="C35" s="7" t="s">
        <v>7</v>
      </c>
      <c r="D35" s="27">
        <v>453477</v>
      </c>
      <c r="E35" s="27">
        <v>404001</v>
      </c>
      <c r="F35" s="27">
        <v>228798</v>
      </c>
      <c r="G35" s="172">
        <v>170323</v>
      </c>
      <c r="H35" s="173">
        <v>292792</v>
      </c>
      <c r="I35" s="3"/>
    </row>
    <row r="36" spans="1:9" ht="14.1" customHeight="1" x14ac:dyDescent="0.2">
      <c r="A36" s="3"/>
      <c r="B36" s="66" t="s">
        <v>20</v>
      </c>
      <c r="C36" s="104" t="s">
        <v>7</v>
      </c>
      <c r="D36" s="106">
        <v>36554</v>
      </c>
      <c r="E36" s="106">
        <v>-20736</v>
      </c>
      <c r="F36" s="106">
        <v>-89747</v>
      </c>
      <c r="G36" s="179">
        <v>-59796</v>
      </c>
      <c r="H36" s="180">
        <v>190528</v>
      </c>
      <c r="I36" s="3"/>
    </row>
    <row r="37" spans="1:9" ht="11.25" customHeight="1" x14ac:dyDescent="0.2">
      <c r="B37" s="58" t="s">
        <v>144</v>
      </c>
      <c r="C37" s="26"/>
      <c r="D37" s="26"/>
      <c r="E37" s="26"/>
      <c r="F37" s="26"/>
      <c r="G37" s="181"/>
      <c r="H37" s="181"/>
    </row>
    <row r="38" spans="1:9" s="47" customFormat="1" ht="11.25" customHeight="1" x14ac:dyDescent="0.2">
      <c r="E38" s="72"/>
      <c r="F38" s="72"/>
      <c r="G38" s="87"/>
      <c r="H38" s="87"/>
    </row>
    <row r="39" spans="1:9" s="46" customFormat="1" ht="14.1" customHeight="1" x14ac:dyDescent="0.2">
      <c r="A39" s="60"/>
      <c r="B39" s="61" t="s">
        <v>21</v>
      </c>
      <c r="C39" s="62"/>
      <c r="D39" s="63" t="s">
        <v>152</v>
      </c>
      <c r="E39" s="63" t="s">
        <v>191</v>
      </c>
      <c r="F39" s="63" t="s">
        <v>192</v>
      </c>
      <c r="G39" s="168" t="s">
        <v>229</v>
      </c>
      <c r="H39" s="161" t="s">
        <v>232</v>
      </c>
      <c r="I39" s="60"/>
    </row>
    <row r="40" spans="1:9" x14ac:dyDescent="0.2">
      <c r="A40" s="3"/>
      <c r="B40" s="6" t="s">
        <v>22</v>
      </c>
      <c r="C40" s="7" t="s">
        <v>7</v>
      </c>
      <c r="D40" s="64">
        <v>77733</v>
      </c>
      <c r="E40" s="64">
        <v>119356</v>
      </c>
      <c r="F40" s="64">
        <v>56461</v>
      </c>
      <c r="G40" s="169">
        <v>60583</v>
      </c>
      <c r="H40" s="170">
        <v>91572</v>
      </c>
      <c r="I40" s="3"/>
    </row>
    <row r="41" spans="1:9" ht="14.1" customHeight="1" x14ac:dyDescent="0.2">
      <c r="A41" s="3"/>
      <c r="B41" s="6" t="s">
        <v>23</v>
      </c>
      <c r="C41" s="7" t="s">
        <v>7</v>
      </c>
      <c r="D41" s="64">
        <v>59794</v>
      </c>
      <c r="E41" s="64">
        <v>68414</v>
      </c>
      <c r="F41" s="64">
        <v>71900</v>
      </c>
      <c r="G41" s="169">
        <v>65033</v>
      </c>
      <c r="H41" s="171">
        <v>63591</v>
      </c>
      <c r="I41" s="3"/>
    </row>
    <row r="42" spans="1:9" ht="14.1" customHeight="1" x14ac:dyDescent="0.2">
      <c r="A42" s="3"/>
      <c r="B42" s="66" t="s">
        <v>24</v>
      </c>
      <c r="C42" s="104" t="s">
        <v>7</v>
      </c>
      <c r="D42" s="107">
        <v>106107</v>
      </c>
      <c r="E42" s="107">
        <v>100536</v>
      </c>
      <c r="F42" s="107">
        <v>108545</v>
      </c>
      <c r="G42" s="182">
        <v>100591</v>
      </c>
      <c r="H42" s="183">
        <v>86793</v>
      </c>
      <c r="I42" s="3"/>
    </row>
    <row r="43" spans="1:9" s="47" customFormat="1" ht="12" x14ac:dyDescent="0.15">
      <c r="B43" s="67"/>
      <c r="C43" s="68"/>
      <c r="D43" s="68"/>
      <c r="E43" s="68"/>
      <c r="F43" s="68"/>
      <c r="G43" s="184"/>
      <c r="H43" s="85"/>
    </row>
    <row r="44" spans="1:9" s="46" customFormat="1" ht="14.1" customHeight="1" x14ac:dyDescent="0.2">
      <c r="A44" s="60"/>
      <c r="B44" s="61" t="s">
        <v>25</v>
      </c>
      <c r="C44" s="62"/>
      <c r="D44" s="63" t="s">
        <v>152</v>
      </c>
      <c r="E44" s="63" t="s">
        <v>191</v>
      </c>
      <c r="F44" s="63" t="s">
        <v>192</v>
      </c>
      <c r="G44" s="168" t="s">
        <v>229</v>
      </c>
      <c r="H44" s="161" t="s">
        <v>233</v>
      </c>
      <c r="I44" s="60"/>
    </row>
    <row r="45" spans="1:9" x14ac:dyDescent="0.2">
      <c r="A45" s="3"/>
      <c r="B45" s="6" t="s">
        <v>26</v>
      </c>
      <c r="C45" s="7" t="s">
        <v>15</v>
      </c>
      <c r="D45" s="70">
        <v>1.1599999999999999</v>
      </c>
      <c r="E45" s="70">
        <v>1.27</v>
      </c>
      <c r="F45" s="70">
        <v>1.3</v>
      </c>
      <c r="G45" s="185">
        <v>1.25</v>
      </c>
      <c r="H45" s="186">
        <v>1.26</v>
      </c>
      <c r="I45" s="3"/>
    </row>
    <row r="46" spans="1:9" ht="14.1" customHeight="1" x14ac:dyDescent="0.2">
      <c r="A46" s="3"/>
      <c r="B46" s="66" t="s">
        <v>27</v>
      </c>
      <c r="C46" s="104" t="s">
        <v>28</v>
      </c>
      <c r="D46" s="136">
        <v>1.28</v>
      </c>
      <c r="E46" s="136">
        <v>1.0900000000000001</v>
      </c>
      <c r="F46" s="136">
        <v>1.21</v>
      </c>
      <c r="G46" s="187">
        <v>1.55</v>
      </c>
      <c r="H46" s="188">
        <v>1.3</v>
      </c>
      <c r="I46" s="3"/>
    </row>
    <row r="47" spans="1:9" ht="11.25" customHeight="1" x14ac:dyDescent="0.2">
      <c r="B47" s="145" t="s">
        <v>70</v>
      </c>
      <c r="C47" s="109"/>
      <c r="D47" s="109"/>
      <c r="E47" s="109"/>
      <c r="F47" s="109"/>
      <c r="G47" s="189"/>
      <c r="H47" s="190"/>
    </row>
    <row r="48" spans="1:9" ht="11.25" customHeight="1" x14ac:dyDescent="0.2">
      <c r="B48" s="135" t="s">
        <v>71</v>
      </c>
      <c r="C48" s="3"/>
      <c r="D48" s="3"/>
      <c r="E48" s="3"/>
      <c r="F48" s="3"/>
      <c r="H48" s="86"/>
    </row>
    <row r="49" spans="1:9" s="47" customFormat="1" ht="11.25" customHeight="1" x14ac:dyDescent="0.2">
      <c r="B49" s="146"/>
      <c r="C49" s="146"/>
      <c r="D49" s="146"/>
      <c r="E49" s="146"/>
      <c r="F49" s="146"/>
      <c r="G49" s="191"/>
      <c r="H49" s="192"/>
    </row>
    <row r="50" spans="1:9" s="46" customFormat="1" ht="14.1" customHeight="1" x14ac:dyDescent="0.2">
      <c r="A50" s="60"/>
      <c r="B50" s="61" t="s">
        <v>29</v>
      </c>
      <c r="C50" s="62"/>
      <c r="D50" s="63" t="s">
        <v>152</v>
      </c>
      <c r="E50" s="63" t="s">
        <v>191</v>
      </c>
      <c r="F50" s="63" t="s">
        <v>192</v>
      </c>
      <c r="G50" s="168" t="s">
        <v>229</v>
      </c>
      <c r="H50" s="161" t="s">
        <v>232</v>
      </c>
      <c r="I50" s="60"/>
    </row>
    <row r="51" spans="1:9" x14ac:dyDescent="0.2">
      <c r="A51" s="3"/>
      <c r="B51" s="6" t="s">
        <v>76</v>
      </c>
      <c r="C51" s="7" t="s">
        <v>30</v>
      </c>
      <c r="D51" s="64">
        <v>4700</v>
      </c>
      <c r="E51" s="64">
        <v>3180</v>
      </c>
      <c r="F51" s="64">
        <v>1218</v>
      </c>
      <c r="G51" s="128">
        <v>1135</v>
      </c>
      <c r="H51" s="142">
        <v>1910</v>
      </c>
      <c r="I51" s="3"/>
    </row>
    <row r="52" spans="1:9" ht="28.5" customHeight="1" x14ac:dyDescent="0.2">
      <c r="A52" s="3"/>
      <c r="B52" s="9" t="s">
        <v>166</v>
      </c>
      <c r="C52" s="77" t="s">
        <v>61</v>
      </c>
      <c r="D52" s="76">
        <v>497260</v>
      </c>
      <c r="E52" s="76">
        <v>497249</v>
      </c>
      <c r="F52" s="76">
        <v>531311</v>
      </c>
      <c r="G52" s="132">
        <v>531307</v>
      </c>
      <c r="H52" s="253">
        <v>610801</v>
      </c>
      <c r="I52" s="3"/>
    </row>
    <row r="53" spans="1:9" ht="14.1" customHeight="1" x14ac:dyDescent="0.2">
      <c r="A53" s="3"/>
      <c r="B53" s="6" t="s">
        <v>42</v>
      </c>
      <c r="C53" s="7" t="s">
        <v>30</v>
      </c>
      <c r="D53" s="65" t="s">
        <v>33</v>
      </c>
      <c r="E53" s="64">
        <v>10</v>
      </c>
      <c r="F53" s="64">
        <v>20</v>
      </c>
      <c r="G53" s="125">
        <v>18</v>
      </c>
      <c r="H53" s="143">
        <v>30</v>
      </c>
      <c r="I53" s="3"/>
    </row>
    <row r="54" spans="1:9" ht="14.1" customHeight="1" x14ac:dyDescent="0.2">
      <c r="A54" s="3"/>
      <c r="B54" s="6" t="s">
        <v>153</v>
      </c>
      <c r="C54" s="7" t="s">
        <v>30</v>
      </c>
      <c r="D54" s="71">
        <v>154.12</v>
      </c>
      <c r="E54" s="71">
        <v>267.48</v>
      </c>
      <c r="F54" s="71">
        <v>377.53</v>
      </c>
      <c r="G54" s="185">
        <v>419.54</v>
      </c>
      <c r="H54" s="193">
        <v>573.59</v>
      </c>
      <c r="I54" s="3"/>
    </row>
    <row r="55" spans="1:9" ht="14.1" customHeight="1" x14ac:dyDescent="0.2">
      <c r="A55" s="3"/>
      <c r="B55" s="6" t="s">
        <v>162</v>
      </c>
      <c r="C55" s="7" t="s">
        <v>30</v>
      </c>
      <c r="D55" s="71">
        <v>-68.56</v>
      </c>
      <c r="E55" s="71">
        <v>106.07</v>
      </c>
      <c r="F55" s="71">
        <v>100.08</v>
      </c>
      <c r="G55" s="185">
        <v>22.47</v>
      </c>
      <c r="H55" s="193">
        <v>87.2</v>
      </c>
      <c r="I55" s="3"/>
    </row>
    <row r="56" spans="1:9" ht="14.1" customHeight="1" x14ac:dyDescent="0.2">
      <c r="A56" s="3"/>
      <c r="B56" s="6" t="s">
        <v>31</v>
      </c>
      <c r="C56" s="7" t="s">
        <v>15</v>
      </c>
      <c r="D56" s="65">
        <v>30.5</v>
      </c>
      <c r="E56" s="65">
        <v>11.9</v>
      </c>
      <c r="F56" s="65">
        <v>3.2</v>
      </c>
      <c r="G56" s="194">
        <v>2.5</v>
      </c>
      <c r="H56" s="195">
        <v>3.3</v>
      </c>
      <c r="I56" s="3"/>
    </row>
    <row r="57" spans="1:9" ht="14.1" customHeight="1" x14ac:dyDescent="0.2">
      <c r="A57" s="3"/>
      <c r="B57" s="66" t="s">
        <v>32</v>
      </c>
      <c r="C57" s="104" t="s">
        <v>15</v>
      </c>
      <c r="D57" s="105" t="s">
        <v>33</v>
      </c>
      <c r="E57" s="105">
        <v>30</v>
      </c>
      <c r="F57" s="105">
        <v>12.2</v>
      </c>
      <c r="G57" s="196">
        <v>50.5</v>
      </c>
      <c r="H57" s="197">
        <v>21.9</v>
      </c>
      <c r="I57" s="3"/>
    </row>
    <row r="58" spans="1:9" ht="11.25" customHeight="1" x14ac:dyDescent="0.2">
      <c r="B58" s="58" t="s">
        <v>167</v>
      </c>
      <c r="C58" s="26"/>
      <c r="D58" s="26"/>
      <c r="E58" s="26"/>
      <c r="F58" s="26"/>
      <c r="G58" s="176"/>
      <c r="H58" s="125"/>
    </row>
    <row r="59" spans="1:9" ht="11.25" customHeight="1" x14ac:dyDescent="0.2">
      <c r="B59" s="58" t="s">
        <v>168</v>
      </c>
      <c r="C59" s="26"/>
      <c r="D59" s="26"/>
      <c r="E59" s="26"/>
      <c r="F59" s="26"/>
      <c r="G59" s="176"/>
      <c r="H59" s="85"/>
    </row>
    <row r="60" spans="1:9" ht="11.25" customHeight="1" x14ac:dyDescent="0.2">
      <c r="B60" s="57" t="s">
        <v>170</v>
      </c>
      <c r="F60" s="3"/>
      <c r="H60" s="86"/>
    </row>
    <row r="61" spans="1:9" ht="11.25" customHeight="1" x14ac:dyDescent="0.2">
      <c r="B61" s="58" t="s">
        <v>77</v>
      </c>
      <c r="F61" s="3"/>
      <c r="H61" s="86"/>
    </row>
    <row r="62" spans="1:9" ht="11.25" customHeight="1" x14ac:dyDescent="0.2">
      <c r="B62" s="58" t="s">
        <v>171</v>
      </c>
      <c r="F62" s="3"/>
      <c r="H62" s="86"/>
    </row>
    <row r="63" spans="1:9" ht="11.25" customHeight="1" x14ac:dyDescent="0.2">
      <c r="B63" s="270" t="s">
        <v>270</v>
      </c>
      <c r="F63" s="3"/>
      <c r="H63" s="86"/>
    </row>
    <row r="64" spans="1:9" ht="11.25" customHeight="1" x14ac:dyDescent="0.2">
      <c r="B64" s="281" t="s">
        <v>269</v>
      </c>
      <c r="C64" s="282"/>
      <c r="D64" s="282"/>
      <c r="E64" s="282"/>
      <c r="F64" s="282"/>
      <c r="G64" s="282"/>
      <c r="H64" s="282"/>
    </row>
    <row r="65" spans="1:9" ht="11.25" customHeight="1" x14ac:dyDescent="0.2">
      <c r="B65" s="129" t="s">
        <v>268</v>
      </c>
      <c r="C65" s="130"/>
      <c r="D65" s="130"/>
      <c r="E65" s="130"/>
      <c r="F65" s="130"/>
      <c r="G65" s="198"/>
      <c r="H65" s="198"/>
    </row>
    <row r="66" spans="1:9" ht="11.25" customHeight="1" x14ac:dyDescent="0.2">
      <c r="B66" s="268" t="s">
        <v>271</v>
      </c>
      <c r="C66" s="269"/>
      <c r="D66" s="269"/>
      <c r="E66" s="269"/>
      <c r="F66" s="269"/>
      <c r="G66" s="198"/>
      <c r="H66" s="198"/>
    </row>
    <row r="67" spans="1:9" s="47" customFormat="1" ht="11.25" customHeight="1" x14ac:dyDescent="0.2">
      <c r="F67" s="72"/>
      <c r="G67" s="177"/>
      <c r="H67" s="86"/>
    </row>
    <row r="68" spans="1:9" s="46" customFormat="1" ht="14.1" customHeight="1" x14ac:dyDescent="0.2">
      <c r="A68" s="60"/>
      <c r="B68" s="61" t="s">
        <v>34</v>
      </c>
      <c r="C68" s="62"/>
      <c r="D68" s="63" t="s">
        <v>152</v>
      </c>
      <c r="E68" s="63" t="s">
        <v>191</v>
      </c>
      <c r="F68" s="63" t="s">
        <v>192</v>
      </c>
      <c r="G68" s="168" t="s">
        <v>229</v>
      </c>
      <c r="H68" s="161" t="s">
        <v>234</v>
      </c>
      <c r="I68" s="60"/>
    </row>
    <row r="69" spans="1:9" x14ac:dyDescent="0.2">
      <c r="A69" s="3"/>
      <c r="B69" s="6" t="s">
        <v>35</v>
      </c>
      <c r="C69" s="7" t="s">
        <v>7</v>
      </c>
      <c r="D69" s="64">
        <v>654012</v>
      </c>
      <c r="E69" s="64">
        <v>656144</v>
      </c>
      <c r="F69" s="128">
        <v>719395</v>
      </c>
      <c r="G69" s="125">
        <v>778976</v>
      </c>
      <c r="H69" s="254">
        <v>863154</v>
      </c>
      <c r="I69" s="3"/>
    </row>
    <row r="70" spans="1:9" ht="14.1" customHeight="1" x14ac:dyDescent="0.2">
      <c r="A70" s="3"/>
      <c r="B70" s="6" t="s">
        <v>36</v>
      </c>
      <c r="C70" s="7" t="s">
        <v>7</v>
      </c>
      <c r="D70" s="64">
        <v>175169</v>
      </c>
      <c r="E70" s="64">
        <v>181412</v>
      </c>
      <c r="F70" s="125">
        <v>175106</v>
      </c>
      <c r="G70" s="125">
        <v>165981</v>
      </c>
      <c r="H70" s="254">
        <v>136810</v>
      </c>
      <c r="I70" s="3"/>
    </row>
    <row r="71" spans="1:9" ht="14.1" customHeight="1" x14ac:dyDescent="0.2">
      <c r="A71" s="3"/>
      <c r="B71" s="6" t="s">
        <v>37</v>
      </c>
      <c r="C71" s="7" t="s">
        <v>7</v>
      </c>
      <c r="D71" s="64">
        <v>123551</v>
      </c>
      <c r="E71" s="64">
        <v>174194</v>
      </c>
      <c r="F71" s="125">
        <v>175126</v>
      </c>
      <c r="G71" s="125">
        <v>158793</v>
      </c>
      <c r="H71" s="254">
        <v>166623</v>
      </c>
      <c r="I71" s="3"/>
    </row>
    <row r="72" spans="1:9" ht="14.1" customHeight="1" x14ac:dyDescent="0.2">
      <c r="A72" s="3"/>
      <c r="B72" s="6" t="s">
        <v>38</v>
      </c>
      <c r="C72" s="7" t="s">
        <v>7</v>
      </c>
      <c r="D72" s="64">
        <v>900759</v>
      </c>
      <c r="E72" s="64">
        <v>1157370</v>
      </c>
      <c r="F72" s="125">
        <v>1047431</v>
      </c>
      <c r="G72" s="125">
        <v>909810</v>
      </c>
      <c r="H72" s="254">
        <v>1014187</v>
      </c>
      <c r="I72" s="3"/>
    </row>
    <row r="73" spans="1:9" ht="14.1" customHeight="1" x14ac:dyDescent="0.2">
      <c r="A73" s="3"/>
      <c r="B73" s="6" t="s">
        <v>169</v>
      </c>
      <c r="C73" s="7" t="s">
        <v>7</v>
      </c>
      <c r="D73" s="64">
        <v>197146</v>
      </c>
      <c r="E73" s="64">
        <v>258149</v>
      </c>
      <c r="F73" s="125">
        <v>277708</v>
      </c>
      <c r="G73" s="125">
        <v>248722</v>
      </c>
      <c r="H73" s="254">
        <v>245134</v>
      </c>
      <c r="I73" s="3"/>
    </row>
    <row r="74" spans="1:9" ht="14.1" customHeight="1" x14ac:dyDescent="0.2">
      <c r="A74" s="3"/>
      <c r="B74" s="66" t="s">
        <v>39</v>
      </c>
      <c r="C74" s="104" t="s">
        <v>8</v>
      </c>
      <c r="D74" s="105">
        <v>68.099999999999994</v>
      </c>
      <c r="E74" s="105">
        <v>73</v>
      </c>
      <c r="F74" s="144">
        <v>70</v>
      </c>
      <c r="G74" s="144">
        <v>65.599999999999994</v>
      </c>
      <c r="H74" s="255">
        <v>64.400000000000006</v>
      </c>
      <c r="I74" s="3"/>
    </row>
    <row r="75" spans="1:9" ht="11.25" customHeight="1" x14ac:dyDescent="0.2">
      <c r="B75" s="58" t="s">
        <v>68</v>
      </c>
      <c r="C75" s="26"/>
      <c r="D75" s="26"/>
      <c r="E75" s="26"/>
      <c r="F75" s="26"/>
      <c r="G75" s="88"/>
      <c r="H75" s="88"/>
    </row>
    <row r="76" spans="1:9" ht="11.25" customHeight="1" x14ac:dyDescent="0.2">
      <c r="B76" s="57" t="s">
        <v>69</v>
      </c>
      <c r="E76" s="3"/>
      <c r="F76" s="3"/>
      <c r="G76" s="85"/>
      <c r="H76" s="85"/>
    </row>
    <row r="77" spans="1:9" ht="11.25" customHeight="1" x14ac:dyDescent="0.2">
      <c r="B77" s="57"/>
      <c r="E77" s="3"/>
      <c r="F77" s="3"/>
      <c r="G77" s="85"/>
      <c r="H77" s="85"/>
    </row>
    <row r="78" spans="1:9" s="46" customFormat="1" ht="14.1" customHeight="1" x14ac:dyDescent="0.2">
      <c r="A78" s="60"/>
      <c r="B78" s="61" t="s">
        <v>40</v>
      </c>
      <c r="C78" s="62"/>
      <c r="D78" s="63" t="s">
        <v>152</v>
      </c>
      <c r="E78" s="63" t="s">
        <v>191</v>
      </c>
      <c r="F78" s="168" t="s">
        <v>192</v>
      </c>
      <c r="G78" s="160" t="s">
        <v>202</v>
      </c>
      <c r="H78" s="161" t="s">
        <v>232</v>
      </c>
      <c r="I78" s="60"/>
    </row>
    <row r="79" spans="1:9" ht="13.5" customHeight="1" x14ac:dyDescent="0.2">
      <c r="A79" s="3"/>
      <c r="B79" s="66" t="s">
        <v>210</v>
      </c>
      <c r="C79" s="104" t="s">
        <v>41</v>
      </c>
      <c r="D79" s="107">
        <v>41898</v>
      </c>
      <c r="E79" s="107">
        <v>47171</v>
      </c>
      <c r="F79" s="131">
        <v>54156</v>
      </c>
      <c r="G79" s="131">
        <v>52876</v>
      </c>
      <c r="H79" s="147">
        <v>50478</v>
      </c>
      <c r="I79" s="3"/>
    </row>
    <row r="80" spans="1:9" ht="10.5" customHeight="1" x14ac:dyDescent="0.2">
      <c r="B80" s="113" t="s">
        <v>52</v>
      </c>
      <c r="C80" s="26"/>
      <c r="D80" s="26"/>
      <c r="E80" s="26"/>
      <c r="F80" s="26"/>
      <c r="G80" s="199"/>
      <c r="H80" s="199"/>
    </row>
    <row r="81" spans="1:9" ht="9" customHeight="1" x14ac:dyDescent="0.2">
      <c r="B81" s="57"/>
      <c r="E81" s="3"/>
      <c r="F81" s="3"/>
      <c r="G81" s="85"/>
      <c r="H81" s="85"/>
    </row>
    <row r="82" spans="1:9" s="47" customFormat="1" ht="5.0999999999999996" customHeight="1" x14ac:dyDescent="0.2">
      <c r="E82" s="72"/>
      <c r="F82" s="72"/>
      <c r="G82" s="86"/>
      <c r="H82" s="86"/>
    </row>
    <row r="83" spans="1:9" s="46" customFormat="1" ht="13.5" customHeight="1" x14ac:dyDescent="0.2">
      <c r="A83" s="60"/>
      <c r="B83" s="61" t="s">
        <v>66</v>
      </c>
      <c r="C83" s="62"/>
      <c r="D83" s="63" t="s">
        <v>152</v>
      </c>
      <c r="E83" s="63" t="s">
        <v>191</v>
      </c>
      <c r="F83" s="63" t="s">
        <v>192</v>
      </c>
      <c r="G83" s="168" t="s">
        <v>229</v>
      </c>
      <c r="H83" s="161" t="s">
        <v>232</v>
      </c>
      <c r="I83" s="60"/>
    </row>
    <row r="84" spans="1:9" customFormat="1" ht="14.1" customHeight="1" x14ac:dyDescent="0.15">
      <c r="B84" s="108" t="s">
        <v>203</v>
      </c>
      <c r="C84" s="7" t="s">
        <v>7</v>
      </c>
      <c r="D84" s="64" t="s">
        <v>33</v>
      </c>
      <c r="E84" s="64" t="s">
        <v>33</v>
      </c>
      <c r="F84" s="64">
        <v>840907</v>
      </c>
      <c r="G84" s="125">
        <v>795646</v>
      </c>
      <c r="H84" s="143">
        <v>833044</v>
      </c>
    </row>
    <row r="85" spans="1:9" s="46" customFormat="1" ht="14.1" customHeight="1" x14ac:dyDescent="0.2">
      <c r="A85" s="60"/>
      <c r="B85" s="108" t="s">
        <v>204</v>
      </c>
      <c r="C85" s="7" t="s">
        <v>7</v>
      </c>
      <c r="D85" s="64" t="s">
        <v>33</v>
      </c>
      <c r="E85" s="64" t="s">
        <v>33</v>
      </c>
      <c r="F85" s="64">
        <v>1290012</v>
      </c>
      <c r="G85" s="125">
        <v>1127921</v>
      </c>
      <c r="H85" s="143">
        <v>1251089</v>
      </c>
      <c r="I85" s="60"/>
    </row>
    <row r="86" spans="1:9" s="46" customFormat="1" ht="14.1" customHeight="1" x14ac:dyDescent="0.2">
      <c r="A86" s="60"/>
      <c r="B86" s="108" t="s">
        <v>205</v>
      </c>
      <c r="C86" s="12" t="s">
        <v>7</v>
      </c>
      <c r="D86" s="69" t="s">
        <v>33</v>
      </c>
      <c r="E86" s="69" t="s">
        <v>33</v>
      </c>
      <c r="F86" s="69">
        <v>263847</v>
      </c>
      <c r="G86" s="125">
        <v>338717</v>
      </c>
      <c r="H86" s="143">
        <v>341776</v>
      </c>
      <c r="I86" s="60"/>
    </row>
    <row r="87" spans="1:9" s="46" customFormat="1" ht="14.1" customHeight="1" x14ac:dyDescent="0.2">
      <c r="A87" s="60"/>
      <c r="B87" s="6" t="s">
        <v>206</v>
      </c>
      <c r="C87" s="28" t="s">
        <v>7</v>
      </c>
      <c r="D87" s="64" t="s">
        <v>33</v>
      </c>
      <c r="E87" s="64" t="s">
        <v>33</v>
      </c>
      <c r="F87" s="64">
        <v>2394767</v>
      </c>
      <c r="G87" s="128">
        <v>2262284</v>
      </c>
      <c r="H87" s="142">
        <v>2425910</v>
      </c>
      <c r="I87" s="60"/>
    </row>
    <row r="88" spans="1:9" s="46" customFormat="1" ht="14.1" customHeight="1" x14ac:dyDescent="0.2">
      <c r="A88" s="60"/>
      <c r="B88" s="79"/>
      <c r="C88" s="80"/>
      <c r="D88" s="78"/>
      <c r="E88" s="78"/>
      <c r="F88" s="78"/>
      <c r="G88" s="200"/>
      <c r="H88" s="201"/>
      <c r="I88" s="60"/>
    </row>
    <row r="89" spans="1:9" s="83" customFormat="1" x14ac:dyDescent="0.15">
      <c r="A89" s="82"/>
      <c r="B89" s="108" t="s">
        <v>148</v>
      </c>
      <c r="C89" s="7" t="s">
        <v>7</v>
      </c>
      <c r="D89" s="64">
        <v>548129</v>
      </c>
      <c r="E89" s="64">
        <v>595132</v>
      </c>
      <c r="F89" s="121">
        <v>681330</v>
      </c>
      <c r="G89" s="125" t="s">
        <v>33</v>
      </c>
      <c r="H89" s="202" t="s">
        <v>33</v>
      </c>
      <c r="I89" s="82"/>
    </row>
    <row r="90" spans="1:9" s="83" customFormat="1" x14ac:dyDescent="0.15">
      <c r="A90" s="82"/>
      <c r="B90" s="108" t="s">
        <v>149</v>
      </c>
      <c r="C90" s="7" t="s">
        <v>7</v>
      </c>
      <c r="D90" s="64">
        <v>310169</v>
      </c>
      <c r="E90" s="64">
        <v>318074</v>
      </c>
      <c r="F90" s="121">
        <v>319215</v>
      </c>
      <c r="G90" s="125" t="s">
        <v>33</v>
      </c>
      <c r="H90" s="202" t="s">
        <v>33</v>
      </c>
      <c r="I90" s="82"/>
    </row>
    <row r="91" spans="1:9" s="83" customFormat="1" x14ac:dyDescent="0.15">
      <c r="A91" s="82"/>
      <c r="B91" s="108" t="s">
        <v>150</v>
      </c>
      <c r="C91" s="7" t="s">
        <v>7</v>
      </c>
      <c r="D91" s="64">
        <v>387852</v>
      </c>
      <c r="E91" s="64">
        <v>462297</v>
      </c>
      <c r="F91" s="121">
        <v>433726</v>
      </c>
      <c r="G91" s="125" t="s">
        <v>33</v>
      </c>
      <c r="H91" s="202" t="s">
        <v>33</v>
      </c>
      <c r="I91" s="82"/>
    </row>
    <row r="92" spans="1:9" s="83" customFormat="1" x14ac:dyDescent="0.15">
      <c r="A92" s="82"/>
      <c r="B92" s="108" t="s">
        <v>160</v>
      </c>
      <c r="C92" s="12" t="s">
        <v>7</v>
      </c>
      <c r="D92" s="107">
        <v>804489</v>
      </c>
      <c r="E92" s="107">
        <v>1051767</v>
      </c>
      <c r="F92" s="122">
        <v>960495</v>
      </c>
      <c r="G92" s="203" t="s">
        <v>33</v>
      </c>
      <c r="H92" s="204" t="s">
        <v>33</v>
      </c>
      <c r="I92" s="82"/>
    </row>
    <row r="93" spans="1:9" s="83" customFormat="1" ht="15" x14ac:dyDescent="0.15">
      <c r="A93" s="82"/>
      <c r="B93" s="6" t="s">
        <v>67</v>
      </c>
      <c r="C93" s="28" t="s">
        <v>7</v>
      </c>
      <c r="D93" s="64">
        <v>2050639</v>
      </c>
      <c r="E93" s="64">
        <v>2427271</v>
      </c>
      <c r="F93" s="123">
        <v>2394767</v>
      </c>
      <c r="G93" s="128" t="s">
        <v>33</v>
      </c>
      <c r="H93" s="205" t="s">
        <v>33</v>
      </c>
      <c r="I93" s="82"/>
    </row>
    <row r="94" spans="1:9" s="46" customFormat="1" ht="14.1" customHeight="1" x14ac:dyDescent="0.2">
      <c r="A94" s="60"/>
      <c r="B94" s="79"/>
      <c r="C94" s="80"/>
      <c r="D94" s="78"/>
      <c r="E94" s="78"/>
      <c r="F94" s="78"/>
      <c r="G94" s="200"/>
      <c r="H94" s="205"/>
      <c r="I94" s="60"/>
    </row>
    <row r="95" spans="1:9" ht="13.5" customHeight="1" x14ac:dyDescent="0.2">
      <c r="A95" s="3"/>
      <c r="B95" s="6" t="s">
        <v>78</v>
      </c>
      <c r="C95" s="7" t="s">
        <v>7</v>
      </c>
      <c r="D95" s="64">
        <v>163814</v>
      </c>
      <c r="E95" s="64" t="s">
        <v>33</v>
      </c>
      <c r="F95" s="64" t="s">
        <v>33</v>
      </c>
      <c r="G95" s="206" t="s">
        <v>33</v>
      </c>
      <c r="H95" s="202" t="s">
        <v>33</v>
      </c>
      <c r="I95" s="3"/>
    </row>
    <row r="96" spans="1:9" ht="13.5" customHeight="1" x14ac:dyDescent="0.2">
      <c r="A96" s="3"/>
      <c r="B96" s="6" t="s">
        <v>79</v>
      </c>
      <c r="C96" s="7" t="s">
        <v>7</v>
      </c>
      <c r="D96" s="64">
        <v>281505</v>
      </c>
      <c r="E96" s="64" t="s">
        <v>33</v>
      </c>
      <c r="F96" s="64" t="s">
        <v>33</v>
      </c>
      <c r="G96" s="206" t="s">
        <v>33</v>
      </c>
      <c r="H96" s="202" t="s">
        <v>33</v>
      </c>
      <c r="I96" s="3"/>
    </row>
    <row r="97" spans="1:9" ht="13.5" customHeight="1" x14ac:dyDescent="0.2">
      <c r="A97" s="3"/>
      <c r="B97" s="6" t="s">
        <v>80</v>
      </c>
      <c r="C97" s="7" t="s">
        <v>7</v>
      </c>
      <c r="D97" s="64">
        <v>310169</v>
      </c>
      <c r="E97" s="64" t="s">
        <v>33</v>
      </c>
      <c r="F97" s="64" t="s">
        <v>33</v>
      </c>
      <c r="G97" s="206" t="s">
        <v>33</v>
      </c>
      <c r="H97" s="202" t="s">
        <v>33</v>
      </c>
      <c r="I97" s="3"/>
    </row>
    <row r="98" spans="1:9" ht="13.5" customHeight="1" x14ac:dyDescent="0.2">
      <c r="A98" s="3"/>
      <c r="B98" s="6" t="s">
        <v>81</v>
      </c>
      <c r="C98" s="7" t="s">
        <v>7</v>
      </c>
      <c r="D98" s="64">
        <v>201377</v>
      </c>
      <c r="E98" s="64" t="s">
        <v>33</v>
      </c>
      <c r="F98" s="64" t="s">
        <v>33</v>
      </c>
      <c r="G98" s="206" t="s">
        <v>33</v>
      </c>
      <c r="H98" s="202" t="s">
        <v>33</v>
      </c>
      <c r="I98" s="3"/>
    </row>
    <row r="99" spans="1:9" ht="13.5" customHeight="1" x14ac:dyDescent="0.2">
      <c r="A99" s="3"/>
      <c r="B99" s="6" t="s">
        <v>82</v>
      </c>
      <c r="C99" s="7" t="s">
        <v>7</v>
      </c>
      <c r="D99" s="64">
        <v>186475</v>
      </c>
      <c r="E99" s="64" t="s">
        <v>33</v>
      </c>
      <c r="F99" s="64" t="s">
        <v>33</v>
      </c>
      <c r="G99" s="206" t="s">
        <v>33</v>
      </c>
      <c r="H99" s="202" t="s">
        <v>33</v>
      </c>
      <c r="I99" s="3"/>
    </row>
    <row r="100" spans="1:9" ht="13.5" customHeight="1" x14ac:dyDescent="0.2">
      <c r="A100" s="3"/>
      <c r="B100" s="6" t="s">
        <v>83</v>
      </c>
      <c r="C100" s="7" t="s">
        <v>7</v>
      </c>
      <c r="D100" s="64">
        <v>102810</v>
      </c>
      <c r="E100" s="64" t="s">
        <v>33</v>
      </c>
      <c r="F100" s="64" t="s">
        <v>33</v>
      </c>
      <c r="G100" s="206" t="s">
        <v>33</v>
      </c>
      <c r="H100" s="202" t="s">
        <v>33</v>
      </c>
      <c r="I100" s="3"/>
    </row>
    <row r="101" spans="1:9" ht="13.5" customHeight="1" x14ac:dyDescent="0.2">
      <c r="A101" s="3"/>
      <c r="B101" s="6" t="s">
        <v>84</v>
      </c>
      <c r="C101" s="12" t="s">
        <v>7</v>
      </c>
      <c r="D101" s="107">
        <v>804489</v>
      </c>
      <c r="E101" s="107" t="s">
        <v>33</v>
      </c>
      <c r="F101" s="107" t="s">
        <v>33</v>
      </c>
      <c r="G101" s="207" t="s">
        <v>33</v>
      </c>
      <c r="H101" s="204" t="s">
        <v>33</v>
      </c>
      <c r="I101" s="3"/>
    </row>
    <row r="102" spans="1:9" s="46" customFormat="1" ht="14.1" customHeight="1" x14ac:dyDescent="0.2">
      <c r="A102" s="60"/>
      <c r="B102" s="66" t="s">
        <v>67</v>
      </c>
      <c r="C102" s="249" t="s">
        <v>7</v>
      </c>
      <c r="D102" s="250">
        <v>2050639</v>
      </c>
      <c r="E102" s="250" t="s">
        <v>33</v>
      </c>
      <c r="F102" s="250" t="s">
        <v>33</v>
      </c>
      <c r="G102" s="251" t="s">
        <v>33</v>
      </c>
      <c r="H102" s="208" t="s">
        <v>33</v>
      </c>
      <c r="I102" s="60"/>
    </row>
    <row r="103" spans="1:9" ht="11.25" customHeight="1" x14ac:dyDescent="0.2">
      <c r="B103" s="283" t="s">
        <v>235</v>
      </c>
      <c r="C103" s="283"/>
      <c r="D103" s="283"/>
      <c r="E103" s="283"/>
      <c r="F103" s="283"/>
      <c r="G103" s="283"/>
      <c r="H103" s="283"/>
    </row>
    <row r="104" spans="1:9" ht="11.25" customHeight="1" x14ac:dyDescent="0.2">
      <c r="B104" s="283" t="s">
        <v>236</v>
      </c>
      <c r="C104" s="283"/>
      <c r="D104" s="283"/>
      <c r="E104" s="283"/>
      <c r="F104" s="283"/>
      <c r="G104" s="283"/>
      <c r="H104" s="283"/>
    </row>
    <row r="105" spans="1:9" ht="11.25" customHeight="1" x14ac:dyDescent="0.2">
      <c r="B105" s="283"/>
      <c r="C105" s="283"/>
      <c r="D105" s="283"/>
      <c r="E105" s="283"/>
      <c r="F105" s="283"/>
      <c r="G105" s="283"/>
      <c r="H105" s="283"/>
    </row>
    <row r="106" spans="1:9" ht="11.1" hidden="1" customHeight="1" x14ac:dyDescent="0.2">
      <c r="B106" s="281" t="s">
        <v>194</v>
      </c>
      <c r="C106" s="281"/>
      <c r="D106" s="281"/>
      <c r="E106" s="281"/>
      <c r="F106" s="281"/>
      <c r="G106" s="281"/>
      <c r="H106" s="281"/>
    </row>
    <row r="107" spans="1:9" s="47" customFormat="1" ht="10.5" hidden="1" customHeight="1" x14ac:dyDescent="0.15">
      <c r="B107" s="281" t="s">
        <v>195</v>
      </c>
      <c r="C107" s="281"/>
      <c r="D107" s="281"/>
      <c r="E107" s="281"/>
      <c r="F107" s="281"/>
      <c r="G107" s="281"/>
      <c r="H107" s="281"/>
    </row>
    <row r="108" spans="1:9" ht="18" customHeight="1" x14ac:dyDescent="0.2">
      <c r="H108" s="199"/>
    </row>
    <row r="109" spans="1:9" x14ac:dyDescent="0.2">
      <c r="H109" s="199"/>
    </row>
    <row r="110" spans="1:9" x14ac:dyDescent="0.2">
      <c r="H110" s="89"/>
    </row>
    <row r="111" spans="1:9" x14ac:dyDescent="0.2">
      <c r="H111" s="89"/>
    </row>
    <row r="112" spans="1:9" x14ac:dyDescent="0.2">
      <c r="H112" s="89"/>
    </row>
    <row r="114" spans="8:8" x14ac:dyDescent="0.2">
      <c r="H114" s="209"/>
    </row>
    <row r="115" spans="8:8" x14ac:dyDescent="0.2">
      <c r="H115" s="209"/>
    </row>
    <row r="116" spans="8:8" x14ac:dyDescent="0.2">
      <c r="H116" s="90"/>
    </row>
    <row r="118" spans="8:8" x14ac:dyDescent="0.2">
      <c r="H118" s="92"/>
    </row>
  </sheetData>
  <mergeCells count="6">
    <mergeCell ref="B107:H107"/>
    <mergeCell ref="B64:H64"/>
    <mergeCell ref="B105:H105"/>
    <mergeCell ref="B103:H103"/>
    <mergeCell ref="B106:H106"/>
    <mergeCell ref="B104:H104"/>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2" manualBreakCount="2">
    <brk id="43" min="1" max="7" man="1"/>
    <brk id="82"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60"/>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6" width="15.625" style="1" customWidth="1"/>
    <col min="7" max="8" width="15.625" style="209" customWidth="1"/>
    <col min="9" max="9" width="2.625" style="1" customWidth="1"/>
    <col min="10" max="16384" width="9" style="1"/>
  </cols>
  <sheetData>
    <row r="1" spans="1:9" ht="21" x14ac:dyDescent="0.2">
      <c r="B1" s="156" t="s">
        <v>55</v>
      </c>
      <c r="C1" s="8"/>
      <c r="D1" s="8"/>
      <c r="E1" s="8"/>
      <c r="F1" s="8"/>
      <c r="G1" s="210"/>
      <c r="H1" s="211" t="s">
        <v>43</v>
      </c>
    </row>
    <row r="2" spans="1:9" ht="16.5" customHeight="1" x14ac:dyDescent="0.2">
      <c r="A2" s="3"/>
      <c r="B2" s="110"/>
      <c r="C2" s="5"/>
      <c r="D2" s="11" t="s">
        <v>152</v>
      </c>
      <c r="E2" s="11" t="s">
        <v>191</v>
      </c>
      <c r="F2" s="11" t="s">
        <v>192</v>
      </c>
      <c r="G2" s="212" t="s">
        <v>229</v>
      </c>
      <c r="H2" s="213" t="s">
        <v>232</v>
      </c>
      <c r="I2" s="3"/>
    </row>
    <row r="3" spans="1:9" s="93" customFormat="1" ht="18" customHeight="1" x14ac:dyDescent="0.15">
      <c r="B3" s="111" t="s">
        <v>53</v>
      </c>
      <c r="C3" s="94"/>
      <c r="D3" s="95"/>
      <c r="E3" s="95"/>
      <c r="F3" s="95"/>
      <c r="G3" s="95"/>
      <c r="H3" s="96"/>
    </row>
    <row r="4" spans="1:9" s="93" customFormat="1" ht="18" customHeight="1" x14ac:dyDescent="0.15">
      <c r="B4" s="108" t="s">
        <v>207</v>
      </c>
      <c r="C4" s="97"/>
      <c r="D4" s="137" t="s">
        <v>33</v>
      </c>
      <c r="E4" s="137" t="s">
        <v>33</v>
      </c>
      <c r="F4" s="256">
        <v>891127</v>
      </c>
      <c r="G4" s="126">
        <v>850683</v>
      </c>
      <c r="H4" s="99">
        <v>879910</v>
      </c>
    </row>
    <row r="5" spans="1:9" s="93" customFormat="1" ht="18" customHeight="1" x14ac:dyDescent="0.15">
      <c r="B5" s="108" t="s">
        <v>208</v>
      </c>
      <c r="C5" s="97"/>
      <c r="D5" s="138" t="s">
        <v>33</v>
      </c>
      <c r="E5" s="138" t="s">
        <v>33</v>
      </c>
      <c r="F5" s="257">
        <v>1315755</v>
      </c>
      <c r="G5" s="126">
        <v>1153824</v>
      </c>
      <c r="H5" s="99">
        <v>1282938</v>
      </c>
    </row>
    <row r="6" spans="1:9" s="93" customFormat="1" ht="18" customHeight="1" x14ac:dyDescent="0.15">
      <c r="B6" s="108" t="s">
        <v>209</v>
      </c>
      <c r="C6" s="97"/>
      <c r="D6" s="138" t="s">
        <v>33</v>
      </c>
      <c r="E6" s="138" t="s">
        <v>33</v>
      </c>
      <c r="F6" s="257">
        <v>280911</v>
      </c>
      <c r="G6" s="126">
        <v>357605</v>
      </c>
      <c r="H6" s="99">
        <v>358923</v>
      </c>
    </row>
    <row r="7" spans="1:9" s="93" customFormat="1" ht="18" customHeight="1" x14ac:dyDescent="0.15">
      <c r="B7" s="14" t="s">
        <v>184</v>
      </c>
      <c r="C7" s="97"/>
      <c r="D7" s="139" t="s">
        <v>33</v>
      </c>
      <c r="E7" s="139" t="s">
        <v>33</v>
      </c>
      <c r="F7" s="258">
        <v>2487794</v>
      </c>
      <c r="G7" s="127">
        <v>2362114</v>
      </c>
      <c r="H7" s="100">
        <v>2521772</v>
      </c>
    </row>
    <row r="8" spans="1:9" s="93" customFormat="1" ht="18" customHeight="1" x14ac:dyDescent="0.15">
      <c r="B8" s="14" t="s">
        <v>185</v>
      </c>
      <c r="C8" s="97"/>
      <c r="D8" s="139" t="s">
        <v>33</v>
      </c>
      <c r="E8" s="139" t="s">
        <v>33</v>
      </c>
      <c r="F8" s="259">
        <v>-93026</v>
      </c>
      <c r="G8" s="127">
        <v>-99829</v>
      </c>
      <c r="H8" s="214">
        <v>-95861</v>
      </c>
    </row>
    <row r="9" spans="1:9" s="93" customFormat="1" ht="18" customHeight="1" x14ac:dyDescent="0.15">
      <c r="B9" s="14" t="s">
        <v>186</v>
      </c>
      <c r="C9" s="97"/>
      <c r="D9" s="140" t="s">
        <v>33</v>
      </c>
      <c r="E9" s="140" t="s">
        <v>33</v>
      </c>
      <c r="F9" s="260">
        <v>2394767</v>
      </c>
      <c r="G9" s="215">
        <v>2262284</v>
      </c>
      <c r="H9" s="216">
        <v>2425910</v>
      </c>
    </row>
    <row r="10" spans="1:9" s="93" customFormat="1" ht="18" customHeight="1" x14ac:dyDescent="0.15">
      <c r="B10" s="111" t="s">
        <v>244</v>
      </c>
      <c r="C10" s="94"/>
      <c r="D10" s="95"/>
      <c r="E10" s="95"/>
      <c r="F10" s="95"/>
      <c r="G10" s="95"/>
      <c r="H10" s="96"/>
    </row>
    <row r="11" spans="1:9" s="93" customFormat="1" ht="18" customHeight="1" x14ac:dyDescent="0.15">
      <c r="B11" s="108" t="s">
        <v>207</v>
      </c>
      <c r="C11" s="97"/>
      <c r="D11" s="138" t="s">
        <v>33</v>
      </c>
      <c r="E11" s="138" t="s">
        <v>33</v>
      </c>
      <c r="F11" s="261">
        <v>25233</v>
      </c>
      <c r="G11" s="126">
        <v>39829</v>
      </c>
      <c r="H11" s="99">
        <v>71559</v>
      </c>
    </row>
    <row r="12" spans="1:9" s="93" customFormat="1" ht="18" customHeight="1" x14ac:dyDescent="0.15">
      <c r="B12" s="108" t="s">
        <v>208</v>
      </c>
      <c r="C12" s="97"/>
      <c r="D12" s="138" t="s">
        <v>33</v>
      </c>
      <c r="E12" s="138" t="s">
        <v>33</v>
      </c>
      <c r="F12" s="261">
        <v>46836</v>
      </c>
      <c r="G12" s="126">
        <v>13217</v>
      </c>
      <c r="H12" s="99">
        <v>17387</v>
      </c>
    </row>
    <row r="13" spans="1:9" s="93" customFormat="1" ht="18" customHeight="1" x14ac:dyDescent="0.15">
      <c r="B13" s="108" t="s">
        <v>209</v>
      </c>
      <c r="C13" s="97"/>
      <c r="D13" s="138" t="s">
        <v>33</v>
      </c>
      <c r="E13" s="138" t="s">
        <v>33</v>
      </c>
      <c r="F13" s="261">
        <v>20856</v>
      </c>
      <c r="G13" s="126">
        <v>20548</v>
      </c>
      <c r="H13" s="99">
        <v>15421</v>
      </c>
    </row>
    <row r="14" spans="1:9" s="93" customFormat="1" ht="18" customHeight="1" x14ac:dyDescent="0.15">
      <c r="B14" s="14" t="s">
        <v>184</v>
      </c>
      <c r="C14" s="97"/>
      <c r="D14" s="139" t="s">
        <v>33</v>
      </c>
      <c r="E14" s="139" t="s">
        <v>33</v>
      </c>
      <c r="F14" s="262">
        <v>92927</v>
      </c>
      <c r="G14" s="127">
        <v>73596</v>
      </c>
      <c r="H14" s="100">
        <v>104368</v>
      </c>
    </row>
    <row r="15" spans="1:9" s="93" customFormat="1" ht="18" customHeight="1" x14ac:dyDescent="0.15">
      <c r="B15" s="14" t="s">
        <v>185</v>
      </c>
      <c r="C15" s="97"/>
      <c r="D15" s="139" t="s">
        <v>33</v>
      </c>
      <c r="E15" s="139" t="s">
        <v>33</v>
      </c>
      <c r="F15" s="127">
        <v>-15538</v>
      </c>
      <c r="G15" s="127">
        <v>-22131</v>
      </c>
      <c r="H15" s="214">
        <v>-21256</v>
      </c>
    </row>
    <row r="16" spans="1:9" s="93" customFormat="1" ht="18" customHeight="1" x14ac:dyDescent="0.15">
      <c r="B16" s="75" t="s">
        <v>186</v>
      </c>
      <c r="C16" s="98"/>
      <c r="D16" s="139" t="s">
        <v>33</v>
      </c>
      <c r="E16" s="139" t="s">
        <v>33</v>
      </c>
      <c r="F16" s="262">
        <v>77388</v>
      </c>
      <c r="G16" s="127">
        <v>51464</v>
      </c>
      <c r="H16" s="100">
        <v>83112</v>
      </c>
    </row>
    <row r="17" spans="1:9" s="93" customFormat="1" ht="12" customHeight="1" x14ac:dyDescent="0.15">
      <c r="B17" s="14"/>
      <c r="C17" s="97"/>
      <c r="D17" s="152"/>
      <c r="E17" s="152"/>
      <c r="F17" s="152"/>
      <c r="G17" s="126"/>
      <c r="H17" s="99"/>
    </row>
    <row r="18" spans="1:9" ht="18" hidden="1" customHeight="1" x14ac:dyDescent="0.2">
      <c r="A18" s="3"/>
      <c r="B18" s="149"/>
      <c r="C18" s="150"/>
      <c r="D18" s="151" t="s">
        <v>152</v>
      </c>
      <c r="E18" s="151" t="s">
        <v>191</v>
      </c>
      <c r="F18" s="151" t="s">
        <v>192</v>
      </c>
      <c r="G18" s="217" t="s">
        <v>192</v>
      </c>
      <c r="H18" s="218" t="s">
        <v>33</v>
      </c>
      <c r="I18" s="3"/>
    </row>
    <row r="19" spans="1:9" s="93" customFormat="1" ht="18" customHeight="1" x14ac:dyDescent="0.15">
      <c r="B19" s="111" t="s">
        <v>177</v>
      </c>
      <c r="C19" s="94"/>
      <c r="D19" s="95"/>
      <c r="E19" s="95"/>
      <c r="F19" s="95"/>
      <c r="G19" s="95"/>
      <c r="H19" s="96"/>
    </row>
    <row r="20" spans="1:9" s="93" customFormat="1" ht="18" customHeight="1" x14ac:dyDescent="0.15">
      <c r="B20" s="108" t="s">
        <v>174</v>
      </c>
      <c r="C20" s="97"/>
      <c r="D20" s="20">
        <v>550624</v>
      </c>
      <c r="E20" s="20">
        <v>607990</v>
      </c>
      <c r="F20" s="20">
        <v>696936</v>
      </c>
      <c r="G20" s="133" t="s">
        <v>33</v>
      </c>
      <c r="H20" s="219" t="s">
        <v>33</v>
      </c>
    </row>
    <row r="21" spans="1:9" s="93" customFormat="1" ht="18" customHeight="1" x14ac:dyDescent="0.15">
      <c r="B21" s="108" t="s">
        <v>175</v>
      </c>
      <c r="C21" s="97"/>
      <c r="D21" s="20">
        <v>317780</v>
      </c>
      <c r="E21" s="20">
        <v>318084</v>
      </c>
      <c r="F21" s="20">
        <v>320403</v>
      </c>
      <c r="G21" s="133" t="s">
        <v>33</v>
      </c>
      <c r="H21" s="219" t="s">
        <v>33</v>
      </c>
    </row>
    <row r="22" spans="1:9" s="93" customFormat="1" ht="18" customHeight="1" x14ac:dyDescent="0.15">
      <c r="B22" s="108" t="s">
        <v>176</v>
      </c>
      <c r="C22" s="97"/>
      <c r="D22" s="20">
        <v>413639</v>
      </c>
      <c r="E22" s="20">
        <v>504566</v>
      </c>
      <c r="F22" s="20">
        <v>491589</v>
      </c>
      <c r="G22" s="133" t="s">
        <v>33</v>
      </c>
      <c r="H22" s="219" t="s">
        <v>33</v>
      </c>
    </row>
    <row r="23" spans="1:9" s="93" customFormat="1" ht="18" customHeight="1" x14ac:dyDescent="0.15">
      <c r="B23" s="108" t="s">
        <v>173</v>
      </c>
      <c r="C23" s="97"/>
      <c r="D23" s="20">
        <v>842010</v>
      </c>
      <c r="E23" s="20">
        <v>1086570</v>
      </c>
      <c r="F23" s="20">
        <v>961889</v>
      </c>
      <c r="G23" s="133" t="s">
        <v>33</v>
      </c>
      <c r="H23" s="219" t="s">
        <v>33</v>
      </c>
    </row>
    <row r="24" spans="1:9" s="93" customFormat="1" ht="18" customHeight="1" x14ac:dyDescent="0.15">
      <c r="B24" s="14" t="s">
        <v>184</v>
      </c>
      <c r="C24" s="97"/>
      <c r="D24" s="23">
        <v>2124054</v>
      </c>
      <c r="E24" s="23">
        <v>2517212</v>
      </c>
      <c r="F24" s="23">
        <v>2470819</v>
      </c>
      <c r="G24" s="134" t="s">
        <v>33</v>
      </c>
      <c r="H24" s="214" t="s">
        <v>33</v>
      </c>
    </row>
    <row r="25" spans="1:9" s="93" customFormat="1" ht="18" customHeight="1" x14ac:dyDescent="0.15">
      <c r="B25" s="14" t="s">
        <v>185</v>
      </c>
      <c r="C25" s="97"/>
      <c r="D25" s="23">
        <v>-73415</v>
      </c>
      <c r="E25" s="23">
        <v>-89940</v>
      </c>
      <c r="F25" s="23">
        <v>-76051</v>
      </c>
      <c r="G25" s="134" t="s">
        <v>33</v>
      </c>
      <c r="H25" s="214"/>
    </row>
    <row r="26" spans="1:9" s="93" customFormat="1" ht="18" customHeight="1" x14ac:dyDescent="0.15">
      <c r="B26" s="14" t="s">
        <v>186</v>
      </c>
      <c r="C26" s="97"/>
      <c r="D26" s="21">
        <v>2050639</v>
      </c>
      <c r="E26" s="21">
        <v>2427271</v>
      </c>
      <c r="F26" s="21">
        <v>2394767</v>
      </c>
      <c r="G26" s="220" t="s">
        <v>33</v>
      </c>
      <c r="H26" s="221" t="s">
        <v>33</v>
      </c>
    </row>
    <row r="27" spans="1:9" s="93" customFormat="1" ht="18" customHeight="1" x14ac:dyDescent="0.15">
      <c r="B27" s="111" t="s">
        <v>211</v>
      </c>
      <c r="C27" s="94"/>
      <c r="D27" s="95"/>
      <c r="E27" s="95"/>
      <c r="F27" s="101"/>
      <c r="G27" s="101"/>
      <c r="H27" s="102" t="s">
        <v>33</v>
      </c>
    </row>
    <row r="28" spans="1:9" s="93" customFormat="1" ht="18" customHeight="1" x14ac:dyDescent="0.15">
      <c r="B28" s="108" t="s">
        <v>174</v>
      </c>
      <c r="C28" s="97"/>
      <c r="D28" s="20">
        <v>48421</v>
      </c>
      <c r="E28" s="20">
        <v>43723</v>
      </c>
      <c r="F28" s="20">
        <v>48034</v>
      </c>
      <c r="G28" s="133" t="s">
        <v>33</v>
      </c>
      <c r="H28" s="219" t="s">
        <v>33</v>
      </c>
    </row>
    <row r="29" spans="1:9" s="93" customFormat="1" ht="18" customHeight="1" x14ac:dyDescent="0.15">
      <c r="B29" s="108" t="s">
        <v>175</v>
      </c>
      <c r="C29" s="97"/>
      <c r="D29" s="20">
        <v>22536</v>
      </c>
      <c r="E29" s="20">
        <v>21969</v>
      </c>
      <c r="F29" s="20">
        <v>21699</v>
      </c>
      <c r="G29" s="133" t="s">
        <v>33</v>
      </c>
      <c r="H29" s="219" t="s">
        <v>33</v>
      </c>
    </row>
    <row r="30" spans="1:9" s="93" customFormat="1" ht="18" customHeight="1" x14ac:dyDescent="0.15">
      <c r="B30" s="108" t="s">
        <v>176</v>
      </c>
      <c r="C30" s="97"/>
      <c r="D30" s="20">
        <v>8055</v>
      </c>
      <c r="E30" s="20">
        <v>3332</v>
      </c>
      <c r="F30" s="20">
        <v>-3329</v>
      </c>
      <c r="G30" s="133" t="s">
        <v>33</v>
      </c>
      <c r="H30" s="219" t="s">
        <v>33</v>
      </c>
    </row>
    <row r="31" spans="1:9" s="93" customFormat="1" ht="18" customHeight="1" x14ac:dyDescent="0.15">
      <c r="B31" s="108" t="s">
        <v>173</v>
      </c>
      <c r="C31" s="97"/>
      <c r="D31" s="20">
        <v>3552</v>
      </c>
      <c r="E31" s="20">
        <v>37041</v>
      </c>
      <c r="F31" s="20">
        <v>26522</v>
      </c>
      <c r="G31" s="133" t="s">
        <v>33</v>
      </c>
      <c r="H31" s="219" t="s">
        <v>33</v>
      </c>
    </row>
    <row r="32" spans="1:9" s="93" customFormat="1" ht="18" customHeight="1" x14ac:dyDescent="0.15">
      <c r="B32" s="14" t="s">
        <v>187</v>
      </c>
      <c r="C32" s="97"/>
      <c r="D32" s="23">
        <v>82564</v>
      </c>
      <c r="E32" s="23">
        <v>106068</v>
      </c>
      <c r="F32" s="23">
        <v>92927</v>
      </c>
      <c r="G32" s="134" t="s">
        <v>33</v>
      </c>
      <c r="H32" s="214" t="s">
        <v>33</v>
      </c>
    </row>
    <row r="33" spans="1:9" s="93" customFormat="1" ht="18" customHeight="1" x14ac:dyDescent="0.15">
      <c r="B33" s="14" t="s">
        <v>188</v>
      </c>
      <c r="C33" s="97"/>
      <c r="D33" s="23">
        <v>-20109</v>
      </c>
      <c r="E33" s="23">
        <v>-15942</v>
      </c>
      <c r="F33" s="23">
        <v>-15538</v>
      </c>
      <c r="G33" s="134" t="s">
        <v>33</v>
      </c>
      <c r="H33" s="214" t="s">
        <v>33</v>
      </c>
    </row>
    <row r="34" spans="1:9" s="93" customFormat="1" ht="18" customHeight="1" x14ac:dyDescent="0.15">
      <c r="B34" s="75" t="s">
        <v>189</v>
      </c>
      <c r="C34" s="148"/>
      <c r="D34" s="23">
        <v>62454</v>
      </c>
      <c r="E34" s="23">
        <v>90125</v>
      </c>
      <c r="F34" s="23">
        <v>77388</v>
      </c>
      <c r="G34" s="134" t="s">
        <v>33</v>
      </c>
      <c r="H34" s="214" t="s">
        <v>33</v>
      </c>
    </row>
    <row r="35" spans="1:9" ht="12.75" hidden="1" customHeight="1" x14ac:dyDescent="0.2">
      <c r="B35" s="3"/>
      <c r="C35" s="3"/>
      <c r="D35" s="81"/>
      <c r="E35" s="81"/>
      <c r="F35" s="81"/>
      <c r="G35" s="222"/>
      <c r="H35" s="222"/>
    </row>
    <row r="36" spans="1:9" ht="16.5" customHeight="1" x14ac:dyDescent="0.2">
      <c r="A36" s="3"/>
      <c r="B36" s="149"/>
      <c r="C36" s="150"/>
      <c r="D36" s="151" t="s">
        <v>152</v>
      </c>
      <c r="E36" s="151" t="s">
        <v>191</v>
      </c>
      <c r="F36" s="151" t="s">
        <v>192</v>
      </c>
      <c r="G36" s="217" t="s">
        <v>229</v>
      </c>
      <c r="H36" s="218" t="s">
        <v>232</v>
      </c>
      <c r="I36" s="3"/>
    </row>
    <row r="37" spans="1:9" ht="18" customHeight="1" x14ac:dyDescent="0.2">
      <c r="A37" s="3"/>
      <c r="B37" s="111" t="s">
        <v>177</v>
      </c>
      <c r="C37" s="3"/>
      <c r="D37" s="73"/>
      <c r="E37" s="73"/>
      <c r="F37" s="73"/>
      <c r="G37" s="223"/>
      <c r="H37" s="224"/>
      <c r="I37" s="3"/>
    </row>
    <row r="38" spans="1:9" ht="18" customHeight="1" x14ac:dyDescent="0.2">
      <c r="A38" s="3"/>
      <c r="B38" s="14" t="s">
        <v>119</v>
      </c>
      <c r="C38" s="7"/>
      <c r="D38" s="20">
        <v>164777</v>
      </c>
      <c r="E38" s="20" t="s">
        <v>33</v>
      </c>
      <c r="F38" s="20" t="s">
        <v>33</v>
      </c>
      <c r="G38" s="126" t="s">
        <v>33</v>
      </c>
      <c r="H38" s="219" t="s">
        <v>33</v>
      </c>
      <c r="I38" s="3"/>
    </row>
    <row r="39" spans="1:9" ht="18" customHeight="1" x14ac:dyDescent="0.2">
      <c r="A39" s="3"/>
      <c r="B39" s="14" t="s">
        <v>120</v>
      </c>
      <c r="C39" s="7"/>
      <c r="D39" s="20">
        <v>282177</v>
      </c>
      <c r="E39" s="20" t="s">
        <v>33</v>
      </c>
      <c r="F39" s="20" t="s">
        <v>33</v>
      </c>
      <c r="G39" s="126" t="s">
        <v>33</v>
      </c>
      <c r="H39" s="219" t="s">
        <v>33</v>
      </c>
      <c r="I39" s="3"/>
    </row>
    <row r="40" spans="1:9" ht="18" customHeight="1" x14ac:dyDescent="0.2">
      <c r="A40" s="3"/>
      <c r="B40" s="14" t="s">
        <v>121</v>
      </c>
      <c r="C40" s="7"/>
      <c r="D40" s="20">
        <v>317780</v>
      </c>
      <c r="E40" s="20" t="s">
        <v>33</v>
      </c>
      <c r="F40" s="20" t="s">
        <v>33</v>
      </c>
      <c r="G40" s="126" t="s">
        <v>33</v>
      </c>
      <c r="H40" s="219" t="s">
        <v>33</v>
      </c>
      <c r="I40" s="3"/>
    </row>
    <row r="41" spans="1:9" ht="18" customHeight="1" x14ac:dyDescent="0.2">
      <c r="A41" s="3"/>
      <c r="B41" s="14" t="s">
        <v>122</v>
      </c>
      <c r="C41" s="7"/>
      <c r="D41" s="20">
        <v>204738</v>
      </c>
      <c r="E41" s="20" t="s">
        <v>33</v>
      </c>
      <c r="F41" s="20" t="s">
        <v>33</v>
      </c>
      <c r="G41" s="126" t="s">
        <v>33</v>
      </c>
      <c r="H41" s="219" t="s">
        <v>33</v>
      </c>
      <c r="I41" s="3"/>
    </row>
    <row r="42" spans="1:9" ht="18" customHeight="1" x14ac:dyDescent="0.2">
      <c r="A42" s="3"/>
      <c r="B42" s="14" t="s">
        <v>123</v>
      </c>
      <c r="C42" s="7"/>
      <c r="D42" s="20">
        <v>208900</v>
      </c>
      <c r="E42" s="20" t="s">
        <v>33</v>
      </c>
      <c r="F42" s="20" t="s">
        <v>33</v>
      </c>
      <c r="G42" s="126" t="s">
        <v>33</v>
      </c>
      <c r="H42" s="219" t="s">
        <v>33</v>
      </c>
      <c r="I42" s="3"/>
    </row>
    <row r="43" spans="1:9" ht="18" customHeight="1" x14ac:dyDescent="0.2">
      <c r="A43" s="3"/>
      <c r="B43" s="14" t="s">
        <v>124</v>
      </c>
      <c r="C43" s="7"/>
      <c r="D43" s="20">
        <v>103669</v>
      </c>
      <c r="E43" s="20" t="s">
        <v>33</v>
      </c>
      <c r="F43" s="20" t="s">
        <v>33</v>
      </c>
      <c r="G43" s="126" t="s">
        <v>33</v>
      </c>
      <c r="H43" s="219" t="s">
        <v>33</v>
      </c>
      <c r="I43" s="3"/>
    </row>
    <row r="44" spans="1:9" ht="18" customHeight="1" x14ac:dyDescent="0.2">
      <c r="A44" s="3"/>
      <c r="B44" s="14" t="s">
        <v>125</v>
      </c>
      <c r="C44" s="7"/>
      <c r="D44" s="20">
        <v>842010</v>
      </c>
      <c r="E44" s="20" t="s">
        <v>33</v>
      </c>
      <c r="F44" s="20" t="s">
        <v>33</v>
      </c>
      <c r="G44" s="126" t="s">
        <v>33</v>
      </c>
      <c r="H44" s="219" t="s">
        <v>33</v>
      </c>
      <c r="I44" s="3"/>
    </row>
    <row r="45" spans="1:9" ht="18" customHeight="1" x14ac:dyDescent="0.2">
      <c r="A45" s="3"/>
      <c r="B45" s="14" t="s">
        <v>184</v>
      </c>
      <c r="C45" s="7"/>
      <c r="D45" s="23">
        <v>2124054</v>
      </c>
      <c r="E45" s="23" t="s">
        <v>33</v>
      </c>
      <c r="F45" s="23" t="s">
        <v>33</v>
      </c>
      <c r="G45" s="127" t="s">
        <v>33</v>
      </c>
      <c r="H45" s="214" t="s">
        <v>33</v>
      </c>
      <c r="I45" s="3"/>
    </row>
    <row r="46" spans="1:9" ht="18" customHeight="1" x14ac:dyDescent="0.2">
      <c r="A46" s="3"/>
      <c r="B46" s="14" t="s">
        <v>185</v>
      </c>
      <c r="C46" s="7"/>
      <c r="D46" s="23">
        <v>-73415</v>
      </c>
      <c r="E46" s="23" t="s">
        <v>33</v>
      </c>
      <c r="F46" s="23" t="s">
        <v>33</v>
      </c>
      <c r="G46" s="127" t="s">
        <v>33</v>
      </c>
      <c r="H46" s="214" t="s">
        <v>33</v>
      </c>
      <c r="I46" s="3"/>
    </row>
    <row r="47" spans="1:9" ht="18" customHeight="1" x14ac:dyDescent="0.2">
      <c r="A47" s="3"/>
      <c r="B47" s="14" t="s">
        <v>186</v>
      </c>
      <c r="C47" s="7"/>
      <c r="D47" s="21">
        <v>2050639</v>
      </c>
      <c r="E47" s="21" t="s">
        <v>33</v>
      </c>
      <c r="F47" s="21" t="s">
        <v>33</v>
      </c>
      <c r="G47" s="225" t="s">
        <v>33</v>
      </c>
      <c r="H47" s="221" t="s">
        <v>33</v>
      </c>
      <c r="I47" s="3"/>
    </row>
    <row r="48" spans="1:9" ht="18" customHeight="1" x14ac:dyDescent="0.2">
      <c r="A48" s="3"/>
      <c r="B48" s="111" t="s">
        <v>245</v>
      </c>
      <c r="C48" s="3"/>
      <c r="D48" s="56"/>
      <c r="E48" s="56"/>
      <c r="F48" s="56"/>
      <c r="G48" s="226"/>
      <c r="H48" s="227"/>
      <c r="I48" s="3"/>
    </row>
    <row r="49" spans="1:9" ht="18" customHeight="1" x14ac:dyDescent="0.2">
      <c r="A49" s="3"/>
      <c r="B49" s="14" t="s">
        <v>119</v>
      </c>
      <c r="C49" s="7"/>
      <c r="D49" s="20">
        <v>16303</v>
      </c>
      <c r="E49" s="20" t="s">
        <v>33</v>
      </c>
      <c r="F49" s="20" t="s">
        <v>33</v>
      </c>
      <c r="G49" s="126" t="s">
        <v>33</v>
      </c>
      <c r="H49" s="219" t="s">
        <v>33</v>
      </c>
      <c r="I49" s="3"/>
    </row>
    <row r="50" spans="1:9" ht="18" customHeight="1" x14ac:dyDescent="0.2">
      <c r="A50" s="3"/>
      <c r="B50" s="14" t="s">
        <v>120</v>
      </c>
      <c r="C50" s="7"/>
      <c r="D50" s="20">
        <v>29907</v>
      </c>
      <c r="E50" s="20" t="s">
        <v>33</v>
      </c>
      <c r="F50" s="20" t="s">
        <v>33</v>
      </c>
      <c r="G50" s="126" t="s">
        <v>33</v>
      </c>
      <c r="H50" s="219" t="s">
        <v>33</v>
      </c>
      <c r="I50" s="3"/>
    </row>
    <row r="51" spans="1:9" ht="18" customHeight="1" x14ac:dyDescent="0.2">
      <c r="A51" s="3"/>
      <c r="B51" s="14" t="s">
        <v>121</v>
      </c>
      <c r="C51" s="7"/>
      <c r="D51" s="20">
        <v>22536</v>
      </c>
      <c r="E51" s="20" t="s">
        <v>33</v>
      </c>
      <c r="F51" s="20" t="s">
        <v>33</v>
      </c>
      <c r="G51" s="126" t="s">
        <v>33</v>
      </c>
      <c r="H51" s="219" t="s">
        <v>33</v>
      </c>
      <c r="I51" s="3"/>
    </row>
    <row r="52" spans="1:9" ht="12.75" customHeight="1" x14ac:dyDescent="0.2">
      <c r="A52" s="3"/>
      <c r="B52" s="14" t="s">
        <v>122</v>
      </c>
      <c r="C52" s="7"/>
      <c r="D52" s="20">
        <v>1307</v>
      </c>
      <c r="E52" s="20" t="s">
        <v>33</v>
      </c>
      <c r="F52" s="20" t="s">
        <v>33</v>
      </c>
      <c r="G52" s="126" t="s">
        <v>33</v>
      </c>
      <c r="H52" s="219" t="s">
        <v>33</v>
      </c>
      <c r="I52" s="3"/>
    </row>
    <row r="53" spans="1:9" ht="18" customHeight="1" x14ac:dyDescent="0.2">
      <c r="A53" s="3"/>
      <c r="B53" s="14" t="s">
        <v>123</v>
      </c>
      <c r="C53" s="7"/>
      <c r="D53" s="20">
        <v>6747</v>
      </c>
      <c r="E53" s="20" t="s">
        <v>33</v>
      </c>
      <c r="F53" s="20" t="s">
        <v>33</v>
      </c>
      <c r="G53" s="126" t="s">
        <v>33</v>
      </c>
      <c r="H53" s="219" t="s">
        <v>33</v>
      </c>
      <c r="I53" s="3"/>
    </row>
    <row r="54" spans="1:9" ht="18" customHeight="1" x14ac:dyDescent="0.2">
      <c r="A54" s="3"/>
      <c r="B54" s="14" t="s">
        <v>124</v>
      </c>
      <c r="C54" s="7"/>
      <c r="D54" s="20">
        <v>2209</v>
      </c>
      <c r="E54" s="20" t="s">
        <v>33</v>
      </c>
      <c r="F54" s="20" t="s">
        <v>33</v>
      </c>
      <c r="G54" s="126" t="s">
        <v>33</v>
      </c>
      <c r="H54" s="219" t="s">
        <v>33</v>
      </c>
      <c r="I54" s="3"/>
    </row>
    <row r="55" spans="1:9" ht="18" customHeight="1" x14ac:dyDescent="0.2">
      <c r="A55" s="3"/>
      <c r="B55" s="14" t="s">
        <v>125</v>
      </c>
      <c r="C55" s="7"/>
      <c r="D55" s="20">
        <v>3552</v>
      </c>
      <c r="E55" s="20" t="s">
        <v>33</v>
      </c>
      <c r="F55" s="20" t="s">
        <v>33</v>
      </c>
      <c r="G55" s="126" t="s">
        <v>33</v>
      </c>
      <c r="H55" s="219" t="s">
        <v>33</v>
      </c>
      <c r="I55" s="3"/>
    </row>
    <row r="56" spans="1:9" ht="18" customHeight="1" x14ac:dyDescent="0.2">
      <c r="A56" s="3"/>
      <c r="B56" s="14" t="s">
        <v>184</v>
      </c>
      <c r="C56" s="7"/>
      <c r="D56" s="23">
        <v>82564</v>
      </c>
      <c r="E56" s="23" t="s">
        <v>33</v>
      </c>
      <c r="F56" s="23" t="s">
        <v>33</v>
      </c>
      <c r="G56" s="127" t="s">
        <v>33</v>
      </c>
      <c r="H56" s="214" t="s">
        <v>33</v>
      </c>
      <c r="I56" s="3"/>
    </row>
    <row r="57" spans="1:9" ht="18" customHeight="1" x14ac:dyDescent="0.2">
      <c r="A57" s="3"/>
      <c r="B57" s="14" t="s">
        <v>190</v>
      </c>
      <c r="C57" s="7"/>
      <c r="D57" s="23">
        <v>-20109</v>
      </c>
      <c r="E57" s="23" t="s">
        <v>33</v>
      </c>
      <c r="F57" s="23" t="s">
        <v>33</v>
      </c>
      <c r="G57" s="127" t="s">
        <v>33</v>
      </c>
      <c r="H57" s="214" t="s">
        <v>33</v>
      </c>
      <c r="I57" s="3"/>
    </row>
    <row r="58" spans="1:9" ht="18" customHeight="1" x14ac:dyDescent="0.2">
      <c r="A58" s="3"/>
      <c r="B58" s="75" t="s">
        <v>186</v>
      </c>
      <c r="C58" s="12"/>
      <c r="D58" s="23">
        <v>62454</v>
      </c>
      <c r="E58" s="23" t="s">
        <v>33</v>
      </c>
      <c r="F58" s="23" t="s">
        <v>33</v>
      </c>
      <c r="G58" s="127" t="s">
        <v>33</v>
      </c>
      <c r="H58" s="214" t="s">
        <v>33</v>
      </c>
      <c r="I58" s="3"/>
    </row>
    <row r="59" spans="1:9" ht="27" customHeight="1" x14ac:dyDescent="0.2">
      <c r="A59" s="3"/>
      <c r="B59" s="284" t="s">
        <v>193</v>
      </c>
      <c r="C59" s="284"/>
      <c r="D59" s="284"/>
      <c r="E59" s="284"/>
      <c r="F59" s="284"/>
      <c r="G59" s="285"/>
      <c r="H59" s="285"/>
      <c r="I59" s="3"/>
    </row>
    <row r="60" spans="1:9" ht="17.25" customHeight="1" x14ac:dyDescent="0.2">
      <c r="A60" s="3"/>
      <c r="B60" s="284" t="s">
        <v>212</v>
      </c>
      <c r="C60" s="284"/>
      <c r="D60" s="284"/>
      <c r="E60" s="284"/>
      <c r="F60" s="284"/>
      <c r="G60" s="285"/>
      <c r="H60" s="285"/>
      <c r="I60" s="3"/>
    </row>
  </sheetData>
  <mergeCells count="2">
    <mergeCell ref="B60:H60"/>
    <mergeCell ref="B59:H59"/>
  </mergeCells>
  <phoneticPr fontId="1"/>
  <printOptions horizontalCentered="1"/>
  <pageMargins left="0.59055118110236227" right="0.78740157480314965" top="0.59055118110236227" bottom="0.59055118110236227" header="0.51181102362204722" footer="0.51181102362204722"/>
  <pageSetup paperSize="9" scale="90" fitToHeight="2" orientation="landscape" horizontalDpi="300" verticalDpi="300" r:id="rId1"/>
  <headerFooter alignWithMargins="0"/>
  <rowBreaks count="1" manualBreakCount="1">
    <brk id="35"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74"/>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6" width="15.625" style="1" customWidth="1"/>
    <col min="7" max="8" width="15.625" style="209" customWidth="1"/>
    <col min="9" max="9" width="2.625" style="1" customWidth="1"/>
    <col min="10" max="16384" width="9" style="1"/>
  </cols>
  <sheetData>
    <row r="1" spans="1:9" ht="21" x14ac:dyDescent="0.2">
      <c r="B1" s="117" t="s">
        <v>0</v>
      </c>
      <c r="C1" s="117"/>
      <c r="D1" s="3"/>
      <c r="E1" s="3"/>
      <c r="F1" s="3"/>
      <c r="G1" s="159"/>
      <c r="H1" s="211" t="s">
        <v>43</v>
      </c>
    </row>
    <row r="2" spans="1:9" ht="15.95" customHeight="1" x14ac:dyDescent="0.2">
      <c r="A2" s="3"/>
      <c r="B2" s="114"/>
      <c r="C2" s="115"/>
      <c r="D2" s="116" t="s">
        <v>152</v>
      </c>
      <c r="E2" s="116" t="s">
        <v>191</v>
      </c>
      <c r="F2" s="116" t="s">
        <v>192</v>
      </c>
      <c r="G2" s="228" t="s">
        <v>229</v>
      </c>
      <c r="H2" s="229" t="s">
        <v>237</v>
      </c>
      <c r="I2" s="3"/>
    </row>
    <row r="3" spans="1:9" ht="15.95" customHeight="1" x14ac:dyDescent="0.2">
      <c r="A3" s="3"/>
      <c r="B3" s="153" t="s">
        <v>50</v>
      </c>
      <c r="C3" s="154"/>
      <c r="D3" s="155"/>
      <c r="E3" s="155"/>
      <c r="F3" s="155"/>
      <c r="G3" s="230"/>
      <c r="H3" s="231"/>
      <c r="I3" s="3"/>
    </row>
    <row r="4" spans="1:9" ht="15.95" customHeight="1" x14ac:dyDescent="0.2">
      <c r="A4" s="3"/>
      <c r="B4" s="15" t="s">
        <v>154</v>
      </c>
      <c r="C4" s="50"/>
      <c r="D4" s="10"/>
      <c r="E4" s="10"/>
      <c r="F4" s="10"/>
      <c r="G4" s="232"/>
      <c r="H4" s="233"/>
      <c r="I4" s="3"/>
    </row>
    <row r="5" spans="1:9" ht="15.95" customHeight="1" x14ac:dyDescent="0.2">
      <c r="A5" s="3"/>
      <c r="B5" s="48" t="s">
        <v>141</v>
      </c>
      <c r="C5" s="51"/>
      <c r="D5" s="20">
        <v>482117</v>
      </c>
      <c r="E5" s="20">
        <v>422302</v>
      </c>
      <c r="F5" s="20">
        <v>266648</v>
      </c>
      <c r="G5" s="126">
        <v>225049</v>
      </c>
      <c r="H5" s="219">
        <v>341917</v>
      </c>
      <c r="I5" s="3"/>
    </row>
    <row r="6" spans="1:9" ht="15.95" customHeight="1" x14ac:dyDescent="0.2">
      <c r="A6" s="3"/>
      <c r="B6" s="48" t="s">
        <v>85</v>
      </c>
      <c r="C6" s="51"/>
      <c r="D6" s="20">
        <v>375564</v>
      </c>
      <c r="E6" s="20">
        <v>471575</v>
      </c>
      <c r="F6" s="20">
        <v>534630</v>
      </c>
      <c r="G6" s="126">
        <v>423618</v>
      </c>
      <c r="H6" s="219">
        <v>457649</v>
      </c>
      <c r="I6" s="3"/>
    </row>
    <row r="7" spans="1:9" ht="15.95" customHeight="1" x14ac:dyDescent="0.2">
      <c r="B7" s="48" t="s">
        <v>14</v>
      </c>
      <c r="C7" s="51"/>
      <c r="D7" s="20">
        <v>217892</v>
      </c>
      <c r="E7" s="20">
        <v>219714</v>
      </c>
      <c r="F7" s="20">
        <v>241481</v>
      </c>
      <c r="G7" s="126">
        <v>292840</v>
      </c>
      <c r="H7" s="219">
        <v>263066</v>
      </c>
    </row>
    <row r="8" spans="1:9" ht="15.95" customHeight="1" x14ac:dyDescent="0.2">
      <c r="B8" s="48" t="s">
        <v>92</v>
      </c>
      <c r="C8" s="51"/>
      <c r="D8" s="20">
        <v>126697</v>
      </c>
      <c r="E8" s="20">
        <v>111718</v>
      </c>
      <c r="F8" s="126">
        <v>95045</v>
      </c>
      <c r="G8" s="126">
        <v>142268</v>
      </c>
      <c r="H8" s="252">
        <v>130098</v>
      </c>
    </row>
    <row r="9" spans="1:9" ht="15.95" customHeight="1" x14ac:dyDescent="0.2">
      <c r="B9" s="48" t="s">
        <v>86</v>
      </c>
      <c r="C9" s="51"/>
      <c r="D9" s="20">
        <v>-8562</v>
      </c>
      <c r="E9" s="20">
        <v>-8118</v>
      </c>
      <c r="F9" s="20">
        <v>-6200</v>
      </c>
      <c r="G9" s="126">
        <v>-2629</v>
      </c>
      <c r="H9" s="219">
        <v>-3961</v>
      </c>
    </row>
    <row r="10" spans="1:9" ht="15.95" customHeight="1" x14ac:dyDescent="0.2">
      <c r="B10" s="48" t="s">
        <v>46</v>
      </c>
      <c r="C10" s="53"/>
      <c r="D10" s="23">
        <v>1193709</v>
      </c>
      <c r="E10" s="23">
        <v>1217193</v>
      </c>
      <c r="F10" s="127">
        <v>1131605</v>
      </c>
      <c r="G10" s="127">
        <v>1081148</v>
      </c>
      <c r="H10" s="214">
        <v>1188770</v>
      </c>
    </row>
    <row r="11" spans="1:9" ht="15.95" customHeight="1" x14ac:dyDescent="0.2">
      <c r="B11" s="15" t="s">
        <v>200</v>
      </c>
      <c r="C11" s="50"/>
      <c r="D11" s="20"/>
      <c r="E11" s="20"/>
      <c r="F11" s="20"/>
      <c r="G11" s="126"/>
      <c r="H11" s="219"/>
    </row>
    <row r="12" spans="1:9" ht="15.95" customHeight="1" x14ac:dyDescent="0.2">
      <c r="B12" s="48" t="s">
        <v>250</v>
      </c>
      <c r="C12" s="51"/>
      <c r="D12" s="20"/>
      <c r="E12" s="20"/>
      <c r="F12" s="20"/>
      <c r="G12" s="126"/>
      <c r="H12" s="219"/>
    </row>
    <row r="13" spans="1:9" ht="15.95" customHeight="1" x14ac:dyDescent="0.2">
      <c r="B13" s="49" t="s">
        <v>47</v>
      </c>
      <c r="C13" s="51"/>
      <c r="D13" s="20">
        <v>625139</v>
      </c>
      <c r="E13" s="20">
        <v>625263</v>
      </c>
      <c r="F13" s="20">
        <v>642627</v>
      </c>
      <c r="G13" s="126">
        <v>647929</v>
      </c>
      <c r="H13" s="219">
        <v>675865</v>
      </c>
    </row>
    <row r="14" spans="1:9" ht="15.75" customHeight="1" x14ac:dyDescent="0.2">
      <c r="B14" s="49" t="s">
        <v>216</v>
      </c>
      <c r="C14" s="51"/>
      <c r="D14" s="20">
        <v>1155188</v>
      </c>
      <c r="E14" s="20">
        <v>1209180</v>
      </c>
      <c r="F14" s="20">
        <v>1185002</v>
      </c>
      <c r="G14" s="126">
        <v>1151621</v>
      </c>
      <c r="H14" s="219">
        <v>1162607</v>
      </c>
    </row>
    <row r="15" spans="1:9" ht="15.75" customHeight="1" x14ac:dyDescent="0.2">
      <c r="B15" s="49" t="s">
        <v>87</v>
      </c>
      <c r="C15" s="51"/>
      <c r="D15" s="20">
        <v>250872</v>
      </c>
      <c r="E15" s="20">
        <v>235418</v>
      </c>
      <c r="F15" s="20">
        <v>216977</v>
      </c>
      <c r="G15" s="126">
        <v>188295</v>
      </c>
      <c r="H15" s="219">
        <v>190705</v>
      </c>
    </row>
    <row r="16" spans="1:9" ht="15.75" customHeight="1" x14ac:dyDescent="0.2">
      <c r="B16" s="49" t="s">
        <v>88</v>
      </c>
      <c r="C16" s="51"/>
      <c r="D16" s="20">
        <v>95760</v>
      </c>
      <c r="E16" s="20">
        <v>92106</v>
      </c>
      <c r="F16" s="20">
        <v>83245</v>
      </c>
      <c r="G16" s="126">
        <v>82369</v>
      </c>
      <c r="H16" s="219">
        <v>83600</v>
      </c>
    </row>
    <row r="17" spans="2:8" ht="15.95" customHeight="1" x14ac:dyDescent="0.2">
      <c r="B17" s="49" t="s">
        <v>48</v>
      </c>
      <c r="C17" s="51"/>
      <c r="D17" s="20">
        <v>18434</v>
      </c>
      <c r="E17" s="20">
        <v>45848</v>
      </c>
      <c r="F17" s="20">
        <v>47133</v>
      </c>
      <c r="G17" s="126">
        <v>29442</v>
      </c>
      <c r="H17" s="219">
        <v>31822</v>
      </c>
    </row>
    <row r="18" spans="2:8" ht="15.95" customHeight="1" x14ac:dyDescent="0.2">
      <c r="B18" s="49" t="s">
        <v>92</v>
      </c>
      <c r="C18" s="51"/>
      <c r="D18" s="20">
        <v>50901</v>
      </c>
      <c r="E18" s="20">
        <v>49076</v>
      </c>
      <c r="F18" s="20">
        <v>44540</v>
      </c>
      <c r="G18" s="126">
        <v>50668</v>
      </c>
      <c r="H18" s="219">
        <v>48726</v>
      </c>
    </row>
    <row r="19" spans="2:8" ht="15.95" customHeight="1" x14ac:dyDescent="0.2">
      <c r="B19" s="49" t="s">
        <v>89</v>
      </c>
      <c r="C19" s="51"/>
      <c r="D19" s="20">
        <v>-1846683</v>
      </c>
      <c r="E19" s="20">
        <v>-1828299</v>
      </c>
      <c r="F19" s="20">
        <v>-1823863</v>
      </c>
      <c r="G19" s="126">
        <v>-1749377</v>
      </c>
      <c r="H19" s="219">
        <v>-1754840</v>
      </c>
    </row>
    <row r="20" spans="2:8" ht="15.95" customHeight="1" x14ac:dyDescent="0.2">
      <c r="B20" s="49" t="s">
        <v>90</v>
      </c>
      <c r="C20" s="51"/>
      <c r="D20" s="23">
        <v>349614</v>
      </c>
      <c r="E20" s="23">
        <v>428595</v>
      </c>
      <c r="F20" s="23">
        <v>395663</v>
      </c>
      <c r="G20" s="127">
        <v>400948</v>
      </c>
      <c r="H20" s="214">
        <v>438486</v>
      </c>
    </row>
    <row r="21" spans="2:8" ht="15.95" customHeight="1" x14ac:dyDescent="0.2">
      <c r="B21" s="48" t="s">
        <v>181</v>
      </c>
      <c r="C21" s="54"/>
      <c r="D21" s="20"/>
      <c r="E21" s="20"/>
      <c r="F21" s="20"/>
      <c r="G21" s="126"/>
      <c r="H21" s="219"/>
    </row>
    <row r="22" spans="2:8" ht="15.95" customHeight="1" x14ac:dyDescent="0.2">
      <c r="B22" s="49" t="s">
        <v>91</v>
      </c>
      <c r="C22" s="51"/>
      <c r="D22" s="20">
        <v>28856</v>
      </c>
      <c r="E22" s="20">
        <v>26041</v>
      </c>
      <c r="F22" s="20">
        <v>25760</v>
      </c>
      <c r="G22" s="126">
        <v>28203</v>
      </c>
      <c r="H22" s="219">
        <v>26557</v>
      </c>
    </row>
    <row r="23" spans="2:8" ht="15.95" customHeight="1" x14ac:dyDescent="0.2">
      <c r="B23" s="49" t="s">
        <v>92</v>
      </c>
      <c r="C23" s="51"/>
      <c r="D23" s="20">
        <v>13503</v>
      </c>
      <c r="E23" s="20">
        <v>18755</v>
      </c>
      <c r="F23" s="20">
        <v>13744</v>
      </c>
      <c r="G23" s="126">
        <v>17088</v>
      </c>
      <c r="H23" s="219">
        <v>18557</v>
      </c>
    </row>
    <row r="24" spans="2:8" ht="15.95" customHeight="1" x14ac:dyDescent="0.2">
      <c r="B24" s="49" t="s">
        <v>180</v>
      </c>
      <c r="C24" s="51"/>
      <c r="D24" s="23">
        <v>42359</v>
      </c>
      <c r="E24" s="23">
        <v>44797</v>
      </c>
      <c r="F24" s="23">
        <v>39505</v>
      </c>
      <c r="G24" s="127">
        <v>45292</v>
      </c>
      <c r="H24" s="214">
        <v>45114</v>
      </c>
    </row>
    <row r="25" spans="2:8" ht="15.95" customHeight="1" x14ac:dyDescent="0.2">
      <c r="B25" s="48" t="s">
        <v>93</v>
      </c>
      <c r="C25" s="50"/>
      <c r="D25" s="20"/>
      <c r="E25" s="20"/>
      <c r="F25" s="20"/>
      <c r="G25" s="126"/>
      <c r="H25" s="219"/>
    </row>
    <row r="26" spans="2:8" ht="15.95" customHeight="1" x14ac:dyDescent="0.2">
      <c r="B26" s="49" t="s">
        <v>224</v>
      </c>
      <c r="C26" s="51"/>
      <c r="D26" s="20">
        <v>151270</v>
      </c>
      <c r="E26" s="20">
        <v>172061</v>
      </c>
      <c r="F26" s="20">
        <v>187097</v>
      </c>
      <c r="G26" s="126">
        <v>187542</v>
      </c>
      <c r="H26" s="219">
        <v>164181</v>
      </c>
    </row>
    <row r="27" spans="2:8" ht="16.5" hidden="1" customHeight="1" x14ac:dyDescent="0.2">
      <c r="B27" s="49" t="s">
        <v>94</v>
      </c>
      <c r="C27" s="51"/>
      <c r="D27" s="141">
        <v>299</v>
      </c>
      <c r="E27" s="141">
        <v>2786</v>
      </c>
      <c r="F27" s="141">
        <v>4172</v>
      </c>
      <c r="G27" s="234"/>
      <c r="H27" s="235"/>
    </row>
    <row r="28" spans="2:8" ht="16.5" customHeight="1" x14ac:dyDescent="0.2">
      <c r="B28" s="49" t="s">
        <v>95</v>
      </c>
      <c r="C28" s="51"/>
      <c r="D28" s="20">
        <v>39239</v>
      </c>
      <c r="E28" s="20">
        <v>47888</v>
      </c>
      <c r="F28" s="126">
        <v>97153</v>
      </c>
      <c r="G28" s="126">
        <v>99402</v>
      </c>
      <c r="H28" s="219">
        <v>92042</v>
      </c>
    </row>
    <row r="29" spans="2:8" ht="16.5" customHeight="1" x14ac:dyDescent="0.2">
      <c r="B29" s="49" t="s">
        <v>86</v>
      </c>
      <c r="C29" s="51"/>
      <c r="D29" s="20">
        <v>-2548</v>
      </c>
      <c r="E29" s="20">
        <v>-2095</v>
      </c>
      <c r="F29" s="20">
        <v>-2480</v>
      </c>
      <c r="G29" s="126">
        <v>-2426</v>
      </c>
      <c r="H29" s="219">
        <v>-1368</v>
      </c>
    </row>
    <row r="30" spans="2:8" ht="15.95" customHeight="1" x14ac:dyDescent="0.2">
      <c r="B30" s="49" t="s">
        <v>96</v>
      </c>
      <c r="C30" s="51"/>
      <c r="D30" s="23">
        <v>187962</v>
      </c>
      <c r="E30" s="23">
        <v>217854</v>
      </c>
      <c r="F30" s="127">
        <v>281771</v>
      </c>
      <c r="G30" s="127">
        <v>284518</v>
      </c>
      <c r="H30" s="214">
        <v>254855</v>
      </c>
    </row>
    <row r="31" spans="2:8" ht="15.95" customHeight="1" x14ac:dyDescent="0.2">
      <c r="B31" s="48" t="s">
        <v>217</v>
      </c>
      <c r="C31" s="51"/>
      <c r="D31" s="23">
        <v>579936</v>
      </c>
      <c r="E31" s="23">
        <v>691247</v>
      </c>
      <c r="F31" s="23">
        <v>716940</v>
      </c>
      <c r="G31" s="127">
        <v>730759</v>
      </c>
      <c r="H31" s="214">
        <v>738456</v>
      </c>
    </row>
    <row r="32" spans="2:8" ht="15.95" customHeight="1" x14ac:dyDescent="0.2">
      <c r="B32" s="15" t="s">
        <v>215</v>
      </c>
      <c r="C32" s="50"/>
      <c r="D32" s="20">
        <v>36</v>
      </c>
      <c r="E32" s="20">
        <v>21</v>
      </c>
      <c r="F32" s="20">
        <v>6</v>
      </c>
      <c r="G32" s="126" t="s">
        <v>33</v>
      </c>
      <c r="H32" s="219" t="s">
        <v>33</v>
      </c>
    </row>
    <row r="33" spans="1:9" ht="15.95" customHeight="1" x14ac:dyDescent="0.2">
      <c r="B33" s="66" t="s">
        <v>97</v>
      </c>
      <c r="C33" s="8"/>
      <c r="D33" s="23">
        <v>1773682</v>
      </c>
      <c r="E33" s="23">
        <v>1908461</v>
      </c>
      <c r="F33" s="23">
        <v>1848551</v>
      </c>
      <c r="G33" s="127">
        <v>1811907</v>
      </c>
      <c r="H33" s="214">
        <v>1927226</v>
      </c>
    </row>
    <row r="34" spans="1:9" ht="141.75" customHeight="1" x14ac:dyDescent="0.2">
      <c r="B34" s="54"/>
      <c r="C34" s="3"/>
      <c r="D34" s="20"/>
      <c r="E34" s="20"/>
      <c r="F34" s="20"/>
      <c r="G34" s="126"/>
      <c r="H34" s="126"/>
    </row>
    <row r="35" spans="1:9" ht="21" customHeight="1" x14ac:dyDescent="0.2">
      <c r="B35" s="156" t="s">
        <v>0</v>
      </c>
      <c r="C35" s="8"/>
      <c r="D35" s="22"/>
      <c r="E35" s="22"/>
      <c r="F35" s="22"/>
      <c r="G35" s="236"/>
      <c r="H35" s="211" t="s">
        <v>33</v>
      </c>
    </row>
    <row r="36" spans="1:9" ht="15.95" customHeight="1" x14ac:dyDescent="0.2">
      <c r="A36" s="3"/>
      <c r="B36" s="114"/>
      <c r="C36" s="115"/>
      <c r="D36" s="116" t="s">
        <v>152</v>
      </c>
      <c r="E36" s="116" t="s">
        <v>191</v>
      </c>
      <c r="F36" s="116" t="s">
        <v>192</v>
      </c>
      <c r="G36" s="228" t="s">
        <v>229</v>
      </c>
      <c r="H36" s="213" t="s">
        <v>238</v>
      </c>
      <c r="I36" s="3"/>
    </row>
    <row r="37" spans="1:9" ht="15.95" customHeight="1" x14ac:dyDescent="0.2">
      <c r="B37" s="18" t="s">
        <v>214</v>
      </c>
      <c r="C37" s="55"/>
      <c r="D37" s="17"/>
      <c r="E37" s="17"/>
      <c r="F37" s="17"/>
      <c r="G37" s="237"/>
      <c r="H37" s="238"/>
    </row>
    <row r="38" spans="1:9" ht="15" customHeight="1" x14ac:dyDescent="0.2">
      <c r="B38" s="15" t="s">
        <v>98</v>
      </c>
      <c r="C38" s="50"/>
      <c r="D38" s="10"/>
      <c r="E38" s="10"/>
      <c r="F38" s="10"/>
      <c r="G38" s="232"/>
      <c r="H38" s="233"/>
    </row>
    <row r="39" spans="1:9" ht="15" customHeight="1" x14ac:dyDescent="0.2">
      <c r="B39" s="48" t="s">
        <v>99</v>
      </c>
      <c r="C39" s="51"/>
      <c r="D39" s="20">
        <v>306007</v>
      </c>
      <c r="E39" s="20">
        <v>384966</v>
      </c>
      <c r="F39" s="20">
        <v>372001</v>
      </c>
      <c r="G39" s="126">
        <v>311999</v>
      </c>
      <c r="H39" s="219">
        <v>361825</v>
      </c>
    </row>
    <row r="40" spans="1:9" ht="15" customHeight="1" x14ac:dyDescent="0.2">
      <c r="B40" s="48" t="s">
        <v>100</v>
      </c>
      <c r="C40" s="52"/>
      <c r="D40" s="20">
        <v>44560</v>
      </c>
      <c r="E40" s="20">
        <v>44511</v>
      </c>
      <c r="F40" s="20">
        <v>38149</v>
      </c>
      <c r="G40" s="126">
        <v>36331</v>
      </c>
      <c r="H40" s="219">
        <v>34597</v>
      </c>
    </row>
    <row r="41" spans="1:9" ht="15" customHeight="1" x14ac:dyDescent="0.2">
      <c r="B41" s="48" t="s">
        <v>218</v>
      </c>
      <c r="C41" s="52"/>
      <c r="D41" s="20">
        <v>113534</v>
      </c>
      <c r="E41" s="20">
        <v>81256</v>
      </c>
      <c r="F41" s="20">
        <v>81446</v>
      </c>
      <c r="G41" s="126">
        <v>237726</v>
      </c>
      <c r="H41" s="219">
        <v>163028</v>
      </c>
    </row>
    <row r="42" spans="1:9" ht="15" customHeight="1" x14ac:dyDescent="0.2">
      <c r="B42" s="48" t="s">
        <v>219</v>
      </c>
      <c r="C42" s="52"/>
      <c r="D42" s="20" t="s">
        <v>33</v>
      </c>
      <c r="E42" s="20">
        <v>10000</v>
      </c>
      <c r="F42" s="20">
        <v>30000</v>
      </c>
      <c r="G42" s="126" t="s">
        <v>33</v>
      </c>
      <c r="H42" s="219" t="s">
        <v>33</v>
      </c>
    </row>
    <row r="43" spans="1:9" ht="15" customHeight="1" x14ac:dyDescent="0.2">
      <c r="B43" s="48" t="s">
        <v>101</v>
      </c>
      <c r="C43" s="51"/>
      <c r="D43" s="20">
        <v>139523</v>
      </c>
      <c r="E43" s="20">
        <v>132373</v>
      </c>
      <c r="F43" s="20">
        <v>114065</v>
      </c>
      <c r="G43" s="126">
        <v>97446</v>
      </c>
      <c r="H43" s="219">
        <v>105282</v>
      </c>
    </row>
    <row r="44" spans="1:9" ht="15" customHeight="1" x14ac:dyDescent="0.2">
      <c r="B44" s="48" t="s">
        <v>102</v>
      </c>
      <c r="C44" s="51"/>
      <c r="D44" s="20">
        <v>21137</v>
      </c>
      <c r="E44" s="20">
        <v>20859</v>
      </c>
      <c r="F44" s="20">
        <v>20639</v>
      </c>
      <c r="G44" s="126">
        <v>18634</v>
      </c>
      <c r="H44" s="219">
        <v>18573</v>
      </c>
    </row>
    <row r="45" spans="1:9" ht="15" customHeight="1" x14ac:dyDescent="0.2">
      <c r="B45" s="48" t="s">
        <v>103</v>
      </c>
      <c r="C45" s="51"/>
      <c r="D45" s="20">
        <v>18930</v>
      </c>
      <c r="E45" s="20">
        <v>18135</v>
      </c>
      <c r="F45" s="20">
        <v>20447</v>
      </c>
      <c r="G45" s="126">
        <v>15967</v>
      </c>
      <c r="H45" s="219">
        <v>18897</v>
      </c>
    </row>
    <row r="46" spans="1:9" ht="15" customHeight="1" x14ac:dyDescent="0.2">
      <c r="B46" s="48" t="s">
        <v>104</v>
      </c>
      <c r="C46" s="51"/>
      <c r="D46" s="20">
        <v>15913</v>
      </c>
      <c r="E46" s="20">
        <v>14392</v>
      </c>
      <c r="F46" s="20">
        <v>10222</v>
      </c>
      <c r="G46" s="126">
        <v>6918</v>
      </c>
      <c r="H46" s="219">
        <v>8433</v>
      </c>
    </row>
    <row r="47" spans="1:9" ht="15" customHeight="1" x14ac:dyDescent="0.2">
      <c r="B47" s="48" t="s">
        <v>62</v>
      </c>
      <c r="C47" s="51"/>
      <c r="D47" s="20">
        <v>48618</v>
      </c>
      <c r="E47" s="20">
        <v>21369</v>
      </c>
      <c r="F47" s="20">
        <v>17123</v>
      </c>
      <c r="G47" s="126">
        <v>17133</v>
      </c>
      <c r="H47" s="219">
        <v>0</v>
      </c>
    </row>
    <row r="48" spans="1:9" ht="15" customHeight="1" x14ac:dyDescent="0.2">
      <c r="B48" s="48" t="s">
        <v>92</v>
      </c>
      <c r="C48" s="51"/>
      <c r="D48" s="20">
        <v>93412</v>
      </c>
      <c r="E48" s="20">
        <v>105602</v>
      </c>
      <c r="F48" s="20">
        <v>107782</v>
      </c>
      <c r="G48" s="126">
        <v>122425</v>
      </c>
      <c r="H48" s="219">
        <v>174945</v>
      </c>
    </row>
    <row r="49" spans="2:8" ht="15" customHeight="1" x14ac:dyDescent="0.2">
      <c r="B49" s="48" t="s">
        <v>49</v>
      </c>
      <c r="C49" s="53"/>
      <c r="D49" s="23">
        <v>801637</v>
      </c>
      <c r="E49" s="23">
        <v>833467</v>
      </c>
      <c r="F49" s="23">
        <v>811878</v>
      </c>
      <c r="G49" s="127">
        <v>864583</v>
      </c>
      <c r="H49" s="214">
        <v>885582</v>
      </c>
    </row>
    <row r="50" spans="2:8" ht="15" customHeight="1" x14ac:dyDescent="0.2">
      <c r="B50" s="15" t="s">
        <v>105</v>
      </c>
      <c r="C50" s="50"/>
      <c r="D50" s="20"/>
      <c r="E50" s="20"/>
      <c r="F50" s="20"/>
      <c r="G50" s="126"/>
      <c r="H50" s="219"/>
    </row>
    <row r="51" spans="2:8" ht="15" customHeight="1" x14ac:dyDescent="0.2">
      <c r="B51" s="48" t="s">
        <v>106</v>
      </c>
      <c r="C51" s="51"/>
      <c r="D51" s="20">
        <v>40000</v>
      </c>
      <c r="E51" s="20">
        <v>30000</v>
      </c>
      <c r="F51" s="20" t="s">
        <v>33</v>
      </c>
      <c r="G51" s="126" t="s">
        <v>33</v>
      </c>
      <c r="H51" s="252" t="s">
        <v>33</v>
      </c>
    </row>
    <row r="52" spans="2:8" ht="15" customHeight="1" x14ac:dyDescent="0.2">
      <c r="B52" s="48" t="s">
        <v>220</v>
      </c>
      <c r="C52" s="51"/>
      <c r="D52" s="20">
        <v>490333</v>
      </c>
      <c r="E52" s="20">
        <v>507027</v>
      </c>
      <c r="F52" s="20">
        <v>538205</v>
      </c>
      <c r="G52" s="126">
        <v>538744</v>
      </c>
      <c r="H52" s="219">
        <v>561893</v>
      </c>
    </row>
    <row r="53" spans="2:8" ht="15" customHeight="1" x14ac:dyDescent="0.2">
      <c r="B53" s="48" t="s">
        <v>221</v>
      </c>
      <c r="C53" s="51"/>
      <c r="D53" s="20">
        <v>110074</v>
      </c>
      <c r="E53" s="20">
        <v>101101</v>
      </c>
      <c r="F53" s="20">
        <v>106636</v>
      </c>
      <c r="G53" s="126">
        <v>103217</v>
      </c>
      <c r="H53" s="219">
        <v>83558</v>
      </c>
    </row>
    <row r="54" spans="2:8" ht="15" customHeight="1" x14ac:dyDescent="0.2">
      <c r="B54" s="48" t="s">
        <v>107</v>
      </c>
      <c r="C54" s="51"/>
      <c r="D54" s="20">
        <v>23836</v>
      </c>
      <c r="E54" s="20">
        <v>35151</v>
      </c>
      <c r="F54" s="126">
        <v>34499</v>
      </c>
      <c r="G54" s="126">
        <v>34402</v>
      </c>
      <c r="H54" s="219">
        <v>32053</v>
      </c>
    </row>
    <row r="55" spans="2:8" ht="15" customHeight="1" x14ac:dyDescent="0.2">
      <c r="B55" s="48" t="s">
        <v>108</v>
      </c>
      <c r="C55" s="51"/>
      <c r="D55" s="23">
        <v>664243</v>
      </c>
      <c r="E55" s="23">
        <v>673280</v>
      </c>
      <c r="F55" s="127">
        <v>679341</v>
      </c>
      <c r="G55" s="127">
        <v>676365</v>
      </c>
      <c r="H55" s="214">
        <v>677505</v>
      </c>
    </row>
    <row r="56" spans="2:8" ht="15" customHeight="1" x14ac:dyDescent="0.2">
      <c r="B56" s="6" t="s">
        <v>109</v>
      </c>
      <c r="C56" s="51"/>
      <c r="D56" s="23">
        <v>1465881</v>
      </c>
      <c r="E56" s="23">
        <v>1506748</v>
      </c>
      <c r="F56" s="23">
        <v>1491220</v>
      </c>
      <c r="G56" s="127">
        <v>1540948</v>
      </c>
      <c r="H56" s="214">
        <v>1563087</v>
      </c>
    </row>
    <row r="57" spans="2:8" ht="15" customHeight="1" x14ac:dyDescent="0.2">
      <c r="B57" s="153" t="s">
        <v>213</v>
      </c>
      <c r="C57" s="50"/>
      <c r="D57" s="20"/>
      <c r="E57" s="20"/>
      <c r="F57" s="20"/>
      <c r="G57" s="126"/>
      <c r="H57" s="219"/>
    </row>
    <row r="58" spans="2:8" ht="15" customHeight="1" x14ac:dyDescent="0.2">
      <c r="B58" s="48" t="s">
        <v>111</v>
      </c>
      <c r="C58" s="51"/>
      <c r="D58" s="20"/>
      <c r="E58" s="20"/>
      <c r="F58" s="20"/>
      <c r="G58" s="126"/>
      <c r="H58" s="219"/>
    </row>
    <row r="59" spans="2:8" ht="15" customHeight="1" x14ac:dyDescent="0.2">
      <c r="B59" s="49" t="s">
        <v>222</v>
      </c>
      <c r="C59" s="51"/>
      <c r="D59" s="20">
        <v>5000</v>
      </c>
      <c r="E59" s="20">
        <v>5000</v>
      </c>
      <c r="F59" s="20">
        <v>5000</v>
      </c>
      <c r="G59" s="126">
        <v>5000</v>
      </c>
      <c r="H59" s="219">
        <v>5000</v>
      </c>
    </row>
    <row r="60" spans="2:8" ht="15" customHeight="1" x14ac:dyDescent="0.2">
      <c r="B60" s="49" t="s">
        <v>2</v>
      </c>
      <c r="C60" s="51"/>
      <c r="D60" s="20">
        <v>576792</v>
      </c>
      <c r="E60" s="20">
        <v>295332</v>
      </c>
      <c r="F60" s="20">
        <v>208725</v>
      </c>
      <c r="G60" s="126">
        <v>108853</v>
      </c>
      <c r="H60" s="219">
        <v>109126</v>
      </c>
    </row>
    <row r="61" spans="2:8" ht="15" customHeight="1" x14ac:dyDescent="0.2">
      <c r="B61" s="49" t="s">
        <v>112</v>
      </c>
      <c r="C61" s="51"/>
      <c r="D61" s="20">
        <v>-148597</v>
      </c>
      <c r="E61" s="20">
        <v>204906</v>
      </c>
      <c r="F61" s="20">
        <v>247826</v>
      </c>
      <c r="G61" s="126">
        <v>247283</v>
      </c>
      <c r="H61" s="219">
        <v>289551</v>
      </c>
    </row>
    <row r="62" spans="2:8" ht="15" customHeight="1" x14ac:dyDescent="0.2">
      <c r="B62" s="49" t="s">
        <v>113</v>
      </c>
      <c r="C62" s="51"/>
      <c r="D62" s="20">
        <v>-13902</v>
      </c>
      <c r="E62" s="20">
        <v>-13936</v>
      </c>
      <c r="F62" s="20">
        <v>-13987</v>
      </c>
      <c r="G62" s="126">
        <v>-13993</v>
      </c>
      <c r="H62" s="158">
        <v>-14053</v>
      </c>
    </row>
    <row r="63" spans="2:8" ht="15" customHeight="1" x14ac:dyDescent="0.2">
      <c r="B63" s="49" t="s">
        <v>114</v>
      </c>
      <c r="C63" s="51"/>
      <c r="D63" s="23">
        <v>419292</v>
      </c>
      <c r="E63" s="23">
        <v>491302</v>
      </c>
      <c r="F63" s="23">
        <v>447564</v>
      </c>
      <c r="G63" s="127">
        <v>347143</v>
      </c>
      <c r="H63" s="214">
        <v>389624</v>
      </c>
    </row>
    <row r="64" spans="2:8" ht="15" customHeight="1" x14ac:dyDescent="0.2">
      <c r="B64" s="48" t="s">
        <v>115</v>
      </c>
      <c r="C64" s="54"/>
      <c r="D64" s="20"/>
      <c r="E64" s="20"/>
      <c r="F64" s="20"/>
      <c r="G64" s="126"/>
      <c r="H64" s="219"/>
    </row>
    <row r="65" spans="2:8" ht="15" customHeight="1" x14ac:dyDescent="0.2">
      <c r="B65" s="49" t="s">
        <v>116</v>
      </c>
      <c r="C65" s="51"/>
      <c r="D65" s="20">
        <v>14474</v>
      </c>
      <c r="E65" s="20">
        <v>16876</v>
      </c>
      <c r="F65" s="20">
        <v>13531</v>
      </c>
      <c r="G65" s="126">
        <v>8048</v>
      </c>
      <c r="H65" s="219">
        <v>16617</v>
      </c>
    </row>
    <row r="66" spans="2:8" ht="15" customHeight="1" x14ac:dyDescent="0.2">
      <c r="B66" s="49" t="s">
        <v>117</v>
      </c>
      <c r="C66" s="51"/>
      <c r="D66" s="20">
        <v>39</v>
      </c>
      <c r="E66" s="20">
        <v>-3205</v>
      </c>
      <c r="F66" s="20">
        <v>-220</v>
      </c>
      <c r="G66" s="126">
        <v>846</v>
      </c>
      <c r="H66" s="219">
        <v>1086</v>
      </c>
    </row>
    <row r="67" spans="2:8" ht="15" customHeight="1" x14ac:dyDescent="0.2">
      <c r="B67" s="49" t="s">
        <v>226</v>
      </c>
      <c r="C67" s="51"/>
      <c r="D67" s="20">
        <v>-44355</v>
      </c>
      <c r="E67" s="20">
        <v>-47302</v>
      </c>
      <c r="F67" s="20">
        <v>-43214</v>
      </c>
      <c r="G67" s="126">
        <v>-56118</v>
      </c>
      <c r="H67" s="219">
        <v>-39362</v>
      </c>
    </row>
    <row r="68" spans="2:8" ht="15" customHeight="1" x14ac:dyDescent="0.2">
      <c r="B68" s="49" t="s">
        <v>51</v>
      </c>
      <c r="C68" s="51"/>
      <c r="D68" s="20">
        <v>-95296</v>
      </c>
      <c r="E68" s="20">
        <v>-79330</v>
      </c>
      <c r="F68" s="20">
        <v>-76208</v>
      </c>
      <c r="G68" s="126">
        <v>-43646</v>
      </c>
      <c r="H68" s="219">
        <v>-17617</v>
      </c>
    </row>
    <row r="69" spans="2:8" ht="15" customHeight="1" x14ac:dyDescent="0.2">
      <c r="B69" s="49" t="s">
        <v>118</v>
      </c>
      <c r="C69" s="54"/>
      <c r="D69" s="23">
        <v>-125138</v>
      </c>
      <c r="E69" s="23">
        <v>-112961</v>
      </c>
      <c r="F69" s="23">
        <v>-106111</v>
      </c>
      <c r="G69" s="127">
        <v>-90870</v>
      </c>
      <c r="H69" s="214">
        <v>-39275</v>
      </c>
    </row>
    <row r="70" spans="2:8" ht="15" customHeight="1" x14ac:dyDescent="0.2">
      <c r="B70" s="48" t="s">
        <v>163</v>
      </c>
      <c r="C70" s="54"/>
      <c r="D70" s="20" t="s">
        <v>33</v>
      </c>
      <c r="E70" s="20">
        <v>106</v>
      </c>
      <c r="F70" s="20">
        <v>235</v>
      </c>
      <c r="G70" s="126">
        <v>293</v>
      </c>
      <c r="H70" s="219">
        <v>297</v>
      </c>
    </row>
    <row r="71" spans="2:8" ht="15" customHeight="1" x14ac:dyDescent="0.2">
      <c r="B71" s="48" t="s">
        <v>65</v>
      </c>
      <c r="C71" s="51"/>
      <c r="D71" s="22">
        <v>13646</v>
      </c>
      <c r="E71" s="22">
        <v>23265</v>
      </c>
      <c r="F71" s="22">
        <v>15642</v>
      </c>
      <c r="G71" s="236">
        <v>14392</v>
      </c>
      <c r="H71" s="239">
        <v>13493</v>
      </c>
    </row>
    <row r="72" spans="2:8" ht="15" customHeight="1" x14ac:dyDescent="0.2">
      <c r="B72" s="48" t="s">
        <v>182</v>
      </c>
      <c r="C72" s="53"/>
      <c r="D72" s="21">
        <v>307801</v>
      </c>
      <c r="E72" s="23">
        <v>401713</v>
      </c>
      <c r="F72" s="23">
        <v>357331</v>
      </c>
      <c r="G72" s="127">
        <v>270959</v>
      </c>
      <c r="H72" s="214">
        <v>364139</v>
      </c>
    </row>
    <row r="73" spans="2:8" ht="15" customHeight="1" x14ac:dyDescent="0.2">
      <c r="B73" s="66" t="s">
        <v>155</v>
      </c>
      <c r="C73" s="112"/>
      <c r="D73" s="23">
        <v>1773682</v>
      </c>
      <c r="E73" s="23">
        <v>1908461</v>
      </c>
      <c r="F73" s="23">
        <v>1848551</v>
      </c>
      <c r="G73" s="127">
        <v>1811907</v>
      </c>
      <c r="H73" s="214">
        <v>1927226</v>
      </c>
    </row>
    <row r="74" spans="2:8" ht="27.75" customHeight="1" x14ac:dyDescent="0.2">
      <c r="B74" s="286" t="s">
        <v>225</v>
      </c>
      <c r="C74" s="287"/>
      <c r="D74" s="287"/>
      <c r="E74" s="287"/>
      <c r="F74" s="287"/>
      <c r="G74" s="287"/>
      <c r="H74" s="287"/>
    </row>
  </sheetData>
  <mergeCells count="1">
    <mergeCell ref="B74:H74"/>
  </mergeCells>
  <phoneticPr fontId="1"/>
  <printOptions horizontalCentered="1"/>
  <pageMargins left="0.70866141732283472" right="0.70866141732283472" top="0.55118110236220474" bottom="0.55118110236220474" header="0.11811023622047245" footer="0.11811023622047245"/>
  <pageSetup paperSize="9" scale="85" fitToHeight="2"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48"/>
  <sheetViews>
    <sheetView showGridLines="0" zoomScaleNormal="100" workbookViewId="0">
      <selection activeCell="A3" sqref="A3"/>
    </sheetView>
  </sheetViews>
  <sheetFormatPr defaultRowHeight="12.75" x14ac:dyDescent="0.2"/>
  <cols>
    <col min="1" max="1" width="2.625" style="1" customWidth="1"/>
    <col min="2" max="2" width="52.625" style="1" customWidth="1"/>
    <col min="3" max="3" width="1.625" style="1" customWidth="1"/>
    <col min="4" max="6" width="15.625" style="1" customWidth="1"/>
    <col min="7" max="8" width="15.625" style="209" customWidth="1"/>
    <col min="9" max="9" width="2.625" style="1" customWidth="1"/>
    <col min="10" max="16384" width="9" style="1"/>
  </cols>
  <sheetData>
    <row r="1" spans="1:9" ht="21" x14ac:dyDescent="0.2">
      <c r="B1" s="157" t="s">
        <v>138</v>
      </c>
      <c r="C1" s="3"/>
      <c r="D1" s="3"/>
      <c r="E1" s="3"/>
      <c r="F1" s="3"/>
      <c r="G1" s="159"/>
      <c r="H1" s="222" t="s">
        <v>43</v>
      </c>
    </row>
    <row r="2" spans="1:9" ht="3.75" hidden="1" customHeight="1" x14ac:dyDescent="0.2">
      <c r="B2" s="16"/>
      <c r="C2" s="3"/>
      <c r="D2" s="3"/>
      <c r="E2" s="81"/>
      <c r="F2" s="81"/>
      <c r="G2" s="222" t="s">
        <v>151</v>
      </c>
      <c r="H2" s="240" t="s">
        <v>43</v>
      </c>
    </row>
    <row r="3" spans="1:9" ht="15.75" x14ac:dyDescent="0.2">
      <c r="A3" s="3"/>
      <c r="B3" s="4"/>
      <c r="C3" s="5"/>
      <c r="D3" s="11" t="s">
        <v>152</v>
      </c>
      <c r="E3" s="11" t="s">
        <v>191</v>
      </c>
      <c r="F3" s="11" t="s">
        <v>192</v>
      </c>
      <c r="G3" s="212" t="s">
        <v>229</v>
      </c>
      <c r="H3" s="213" t="s">
        <v>232</v>
      </c>
      <c r="I3" s="3"/>
    </row>
    <row r="4" spans="1:9" ht="27" customHeight="1" x14ac:dyDescent="0.2">
      <c r="A4" s="3"/>
      <c r="B4" s="118" t="s">
        <v>251</v>
      </c>
      <c r="C4" s="7"/>
      <c r="D4" s="24">
        <v>2050639</v>
      </c>
      <c r="E4" s="24">
        <v>2427271</v>
      </c>
      <c r="F4" s="24">
        <v>2394767</v>
      </c>
      <c r="G4" s="241">
        <v>2262284</v>
      </c>
      <c r="H4" s="242">
        <v>2425910</v>
      </c>
      <c r="I4" s="3"/>
    </row>
    <row r="5" spans="1:9" ht="27" customHeight="1" x14ac:dyDescent="0.2">
      <c r="A5" s="3"/>
      <c r="B5" s="118" t="s">
        <v>252</v>
      </c>
      <c r="C5" s="7"/>
      <c r="D5" s="20">
        <v>1666784</v>
      </c>
      <c r="E5" s="20">
        <v>2023007</v>
      </c>
      <c r="F5" s="20">
        <v>1974699</v>
      </c>
      <c r="G5" s="126">
        <v>1857007</v>
      </c>
      <c r="H5" s="243">
        <v>2004593</v>
      </c>
      <c r="I5" s="3"/>
    </row>
    <row r="6" spans="1:9" ht="27" customHeight="1" x14ac:dyDescent="0.2">
      <c r="A6" s="3"/>
      <c r="B6" s="119" t="s">
        <v>239</v>
      </c>
      <c r="C6" s="7"/>
      <c r="D6" s="263">
        <v>383854</v>
      </c>
      <c r="E6" s="263">
        <v>404264</v>
      </c>
      <c r="F6" s="263">
        <v>420068</v>
      </c>
      <c r="G6" s="264">
        <v>405277</v>
      </c>
      <c r="H6" s="265">
        <v>421316</v>
      </c>
      <c r="I6" s="3"/>
    </row>
    <row r="7" spans="1:9" ht="27" customHeight="1" x14ac:dyDescent="0.2">
      <c r="A7" s="3"/>
      <c r="B7" s="118" t="s">
        <v>253</v>
      </c>
      <c r="C7" s="7"/>
      <c r="D7" s="20">
        <v>321400</v>
      </c>
      <c r="E7" s="20">
        <v>314138</v>
      </c>
      <c r="F7" s="20">
        <v>342679</v>
      </c>
      <c r="G7" s="126">
        <v>353812</v>
      </c>
      <c r="H7" s="243">
        <v>338204</v>
      </c>
      <c r="I7" s="3"/>
    </row>
    <row r="8" spans="1:9" ht="27" customHeight="1" x14ac:dyDescent="0.2">
      <c r="B8" s="119" t="s">
        <v>240</v>
      </c>
      <c r="C8" s="3"/>
      <c r="D8" s="263">
        <v>62454</v>
      </c>
      <c r="E8" s="263">
        <v>90125</v>
      </c>
      <c r="F8" s="263">
        <v>77388</v>
      </c>
      <c r="G8" s="264">
        <v>51464</v>
      </c>
      <c r="H8" s="265">
        <v>83112</v>
      </c>
    </row>
    <row r="9" spans="1:9" ht="27" hidden="1" customHeight="1" x14ac:dyDescent="0.2">
      <c r="B9" s="119" t="s">
        <v>136</v>
      </c>
      <c r="C9" s="3"/>
      <c r="D9" s="20">
        <v>887</v>
      </c>
      <c r="E9" s="20">
        <v>2350</v>
      </c>
      <c r="F9" s="20">
        <v>2713</v>
      </c>
      <c r="G9" s="126"/>
      <c r="H9" s="243"/>
    </row>
    <row r="10" spans="1:9" ht="27" hidden="1" customHeight="1" x14ac:dyDescent="0.2">
      <c r="B10" s="119" t="s">
        <v>142</v>
      </c>
      <c r="C10" s="3"/>
      <c r="D10" s="20">
        <v>1358</v>
      </c>
      <c r="E10" s="20">
        <v>1436</v>
      </c>
      <c r="F10" s="20">
        <v>1396</v>
      </c>
      <c r="G10" s="126"/>
      <c r="H10" s="243"/>
    </row>
    <row r="11" spans="1:9" ht="27" hidden="1" customHeight="1" x14ac:dyDescent="0.2">
      <c r="B11" s="119" t="s">
        <v>164</v>
      </c>
      <c r="C11" s="7"/>
      <c r="D11" s="20">
        <v>3791</v>
      </c>
      <c r="E11" s="20">
        <v>4662</v>
      </c>
      <c r="F11" s="20">
        <v>4090</v>
      </c>
      <c r="G11" s="126"/>
      <c r="H11" s="243"/>
    </row>
    <row r="12" spans="1:9" ht="27" hidden="1" customHeight="1" x14ac:dyDescent="0.2">
      <c r="B12" s="119" t="s">
        <v>126</v>
      </c>
      <c r="C12" s="7"/>
      <c r="D12" s="20" t="s">
        <v>33</v>
      </c>
      <c r="E12" s="20">
        <v>6454</v>
      </c>
      <c r="F12" s="20" t="s">
        <v>33</v>
      </c>
      <c r="G12" s="126"/>
      <c r="H12" s="243"/>
    </row>
    <row r="13" spans="1:9" ht="27" hidden="1" customHeight="1" x14ac:dyDescent="0.2">
      <c r="B13" s="119" t="s">
        <v>127</v>
      </c>
      <c r="C13" s="7"/>
      <c r="D13" s="20" t="s">
        <v>33</v>
      </c>
      <c r="E13" s="20">
        <v>176</v>
      </c>
      <c r="F13" s="20" t="s">
        <v>33</v>
      </c>
      <c r="G13" s="126"/>
      <c r="H13" s="243"/>
    </row>
    <row r="14" spans="1:9" ht="27" hidden="1" customHeight="1" x14ac:dyDescent="0.2">
      <c r="B14" s="119" t="s">
        <v>128</v>
      </c>
      <c r="C14" s="7"/>
      <c r="D14" s="20">
        <v>6750</v>
      </c>
      <c r="E14" s="20">
        <v>7139</v>
      </c>
      <c r="F14" s="20">
        <v>14752</v>
      </c>
      <c r="G14" s="126"/>
      <c r="H14" s="243"/>
    </row>
    <row r="15" spans="1:9" ht="27" customHeight="1" x14ac:dyDescent="0.2">
      <c r="B15" s="118" t="s">
        <v>254</v>
      </c>
      <c r="C15" s="7"/>
      <c r="D15" s="20">
        <v>12787</v>
      </c>
      <c r="E15" s="20">
        <v>22219</v>
      </c>
      <c r="F15" s="20">
        <v>22954</v>
      </c>
      <c r="G15" s="126">
        <v>21644</v>
      </c>
      <c r="H15" s="243">
        <v>22590</v>
      </c>
    </row>
    <row r="16" spans="1:9" ht="27" hidden="1" customHeight="1" x14ac:dyDescent="0.2">
      <c r="B16" s="267" t="s">
        <v>178</v>
      </c>
      <c r="C16" s="3"/>
      <c r="D16" s="20">
        <v>6394</v>
      </c>
      <c r="E16" s="20">
        <v>4801</v>
      </c>
      <c r="F16" s="20">
        <v>4391</v>
      </c>
      <c r="G16" s="126"/>
      <c r="H16" s="243"/>
    </row>
    <row r="17" spans="2:8" ht="27" hidden="1" customHeight="1" x14ac:dyDescent="0.2">
      <c r="B17" s="267" t="s">
        <v>129</v>
      </c>
      <c r="C17" s="7"/>
      <c r="D17" s="20">
        <v>3329</v>
      </c>
      <c r="E17" s="20" t="s">
        <v>33</v>
      </c>
      <c r="F17" s="20">
        <v>5782</v>
      </c>
      <c r="G17" s="126"/>
      <c r="H17" s="243"/>
    </row>
    <row r="18" spans="2:8" ht="27" hidden="1" customHeight="1" x14ac:dyDescent="0.2">
      <c r="B18" s="267" t="s">
        <v>165</v>
      </c>
      <c r="C18" s="7"/>
      <c r="D18" s="20">
        <v>18667</v>
      </c>
      <c r="E18" s="20" t="s">
        <v>33</v>
      </c>
      <c r="F18" s="20">
        <v>9073</v>
      </c>
      <c r="G18" s="126"/>
      <c r="H18" s="243"/>
    </row>
    <row r="19" spans="2:8" ht="27" hidden="1" customHeight="1" x14ac:dyDescent="0.2">
      <c r="B19" s="267" t="s">
        <v>128</v>
      </c>
      <c r="C19" s="7"/>
      <c r="D19" s="20">
        <v>21779</v>
      </c>
      <c r="E19" s="20">
        <v>18223</v>
      </c>
      <c r="F19" s="126">
        <v>18241</v>
      </c>
      <c r="G19" s="126"/>
      <c r="H19" s="243"/>
    </row>
    <row r="20" spans="2:8" ht="27" customHeight="1" x14ac:dyDescent="0.2">
      <c r="B20" s="118" t="s">
        <v>255</v>
      </c>
      <c r="C20" s="7"/>
      <c r="D20" s="22">
        <v>50171</v>
      </c>
      <c r="E20" s="22">
        <v>23024</v>
      </c>
      <c r="F20" s="22">
        <v>37494</v>
      </c>
      <c r="G20" s="236">
        <v>22933</v>
      </c>
      <c r="H20" s="248">
        <v>42527</v>
      </c>
    </row>
    <row r="21" spans="2:8" ht="27" customHeight="1" x14ac:dyDescent="0.2">
      <c r="B21" s="119" t="s">
        <v>241</v>
      </c>
      <c r="C21" s="7"/>
      <c r="D21" s="20">
        <v>25070</v>
      </c>
      <c r="E21" s="20">
        <v>89320</v>
      </c>
      <c r="F21" s="20">
        <v>62849</v>
      </c>
      <c r="G21" s="126">
        <v>50175</v>
      </c>
      <c r="H21" s="243">
        <v>63175</v>
      </c>
    </row>
    <row r="22" spans="2:8" ht="27" hidden="1" customHeight="1" x14ac:dyDescent="0.2">
      <c r="B22" s="118" t="s">
        <v>130</v>
      </c>
      <c r="C22" s="3"/>
      <c r="D22" s="20"/>
      <c r="E22" s="20"/>
      <c r="F22" s="20"/>
      <c r="G22" s="126"/>
      <c r="H22" s="243"/>
    </row>
    <row r="23" spans="2:8" ht="27" hidden="1" customHeight="1" x14ac:dyDescent="0.2">
      <c r="B23" s="119" t="s">
        <v>131</v>
      </c>
      <c r="C23" s="3"/>
      <c r="D23" s="20">
        <v>3295</v>
      </c>
      <c r="E23" s="20">
        <v>2222</v>
      </c>
      <c r="F23" s="20">
        <v>10599</v>
      </c>
      <c r="G23" s="126"/>
      <c r="H23" s="243"/>
    </row>
    <row r="24" spans="2:8" ht="27" hidden="1" customHeight="1" x14ac:dyDescent="0.2">
      <c r="B24" s="119" t="s">
        <v>132</v>
      </c>
      <c r="C24" s="7"/>
      <c r="D24" s="20">
        <v>3215</v>
      </c>
      <c r="E24" s="20">
        <v>793</v>
      </c>
      <c r="F24" s="20" t="s">
        <v>33</v>
      </c>
      <c r="G24" s="126"/>
      <c r="H24" s="243"/>
    </row>
    <row r="25" spans="2:8" ht="27" hidden="1" customHeight="1" x14ac:dyDescent="0.2">
      <c r="B25" s="119" t="s">
        <v>156</v>
      </c>
      <c r="C25" s="7"/>
      <c r="D25" s="20" t="s">
        <v>33</v>
      </c>
      <c r="E25" s="20">
        <v>856</v>
      </c>
      <c r="F25" s="20">
        <v>3936</v>
      </c>
      <c r="G25" s="126"/>
      <c r="H25" s="243"/>
    </row>
    <row r="26" spans="2:8" ht="27" hidden="1" customHeight="1" x14ac:dyDescent="0.2">
      <c r="B26" s="119" t="s">
        <v>143</v>
      </c>
      <c r="C26" s="7"/>
      <c r="D26" s="20">
        <v>1112</v>
      </c>
      <c r="E26" s="20">
        <v>825</v>
      </c>
      <c r="F26" s="20">
        <v>180</v>
      </c>
      <c r="G26" s="126"/>
      <c r="H26" s="243"/>
    </row>
    <row r="27" spans="2:8" ht="27" hidden="1" customHeight="1" x14ac:dyDescent="0.2">
      <c r="B27" s="119" t="s">
        <v>157</v>
      </c>
      <c r="C27" s="7"/>
      <c r="D27" s="20" t="s">
        <v>33</v>
      </c>
      <c r="E27" s="20">
        <v>389</v>
      </c>
      <c r="F27" s="20" t="s">
        <v>33</v>
      </c>
      <c r="G27" s="126" t="s">
        <v>33</v>
      </c>
      <c r="H27" s="243" t="s">
        <v>33</v>
      </c>
    </row>
    <row r="28" spans="2:8" ht="27" hidden="1" customHeight="1" x14ac:dyDescent="0.2">
      <c r="B28" s="119" t="s">
        <v>198</v>
      </c>
      <c r="C28" s="7"/>
      <c r="D28" s="20" t="s">
        <v>33</v>
      </c>
      <c r="E28" s="20" t="s">
        <v>33</v>
      </c>
      <c r="F28" s="20" t="s">
        <v>33</v>
      </c>
      <c r="G28" s="126" t="s">
        <v>33</v>
      </c>
      <c r="H28" s="243" t="s">
        <v>33</v>
      </c>
    </row>
    <row r="29" spans="2:8" ht="27" hidden="1" customHeight="1" x14ac:dyDescent="0.2">
      <c r="B29" s="119" t="s">
        <v>199</v>
      </c>
      <c r="C29" s="7"/>
      <c r="D29" s="20">
        <v>6278</v>
      </c>
      <c r="E29" s="20" t="s">
        <v>33</v>
      </c>
      <c r="F29" s="20" t="s">
        <v>33</v>
      </c>
      <c r="G29" s="126" t="s">
        <v>33</v>
      </c>
      <c r="H29" s="243" t="s">
        <v>33</v>
      </c>
    </row>
    <row r="30" spans="2:8" ht="27" customHeight="1" x14ac:dyDescent="0.2">
      <c r="B30" s="118" t="s">
        <v>130</v>
      </c>
      <c r="C30" s="7"/>
      <c r="D30" s="266">
        <v>13901</v>
      </c>
      <c r="E30" s="266">
        <v>5087</v>
      </c>
      <c r="F30" s="266">
        <v>14716</v>
      </c>
      <c r="G30" s="215">
        <v>6256</v>
      </c>
      <c r="H30" s="244">
        <v>12357</v>
      </c>
    </row>
    <row r="31" spans="2:8" ht="27" hidden="1" customHeight="1" x14ac:dyDescent="0.2">
      <c r="B31" s="267"/>
      <c r="C31" s="7"/>
      <c r="D31" s="20"/>
      <c r="E31" s="20"/>
      <c r="F31" s="20"/>
      <c r="G31" s="126"/>
      <c r="H31" s="243"/>
    </row>
    <row r="32" spans="2:8" ht="27" hidden="1" customHeight="1" x14ac:dyDescent="0.2">
      <c r="B32" s="118" t="s">
        <v>133</v>
      </c>
      <c r="C32" s="3"/>
      <c r="D32" s="20"/>
      <c r="E32" s="20"/>
      <c r="F32" s="20"/>
      <c r="G32" s="126"/>
      <c r="H32" s="243"/>
    </row>
    <row r="33" spans="2:8" ht="27" hidden="1" customHeight="1" x14ac:dyDescent="0.2">
      <c r="B33" s="267" t="s">
        <v>134</v>
      </c>
      <c r="C33" s="3"/>
      <c r="D33" s="20">
        <v>4390</v>
      </c>
      <c r="E33" s="20">
        <v>1094</v>
      </c>
      <c r="F33" s="20">
        <v>1160</v>
      </c>
      <c r="G33" s="126"/>
      <c r="H33" s="243"/>
    </row>
    <row r="34" spans="2:8" ht="27" hidden="1" customHeight="1" x14ac:dyDescent="0.2">
      <c r="B34" s="267" t="s">
        <v>135</v>
      </c>
      <c r="C34" s="7"/>
      <c r="D34" s="20">
        <v>34668</v>
      </c>
      <c r="E34" s="20">
        <v>1943</v>
      </c>
      <c r="F34" s="20">
        <v>17301</v>
      </c>
      <c r="G34" s="126"/>
      <c r="H34" s="243"/>
    </row>
    <row r="35" spans="2:8" ht="27" hidden="1" customHeight="1" x14ac:dyDescent="0.2">
      <c r="B35" s="267" t="s">
        <v>137</v>
      </c>
      <c r="C35" s="7"/>
      <c r="D35" s="20">
        <v>500</v>
      </c>
      <c r="E35" s="20" t="s">
        <v>33</v>
      </c>
      <c r="F35" s="20">
        <v>10</v>
      </c>
      <c r="G35" s="126"/>
      <c r="H35" s="243"/>
    </row>
    <row r="36" spans="2:8" ht="27" hidden="1" customHeight="1" x14ac:dyDescent="0.2">
      <c r="B36" s="267" t="s">
        <v>44</v>
      </c>
      <c r="C36" s="7"/>
      <c r="D36" s="20" t="s">
        <v>33</v>
      </c>
      <c r="E36" s="20" t="s">
        <v>33</v>
      </c>
      <c r="F36" s="20">
        <v>354</v>
      </c>
      <c r="G36" s="126"/>
      <c r="H36" s="243"/>
    </row>
    <row r="37" spans="2:8" ht="27" hidden="1" customHeight="1" x14ac:dyDescent="0.2">
      <c r="B37" s="267" t="s">
        <v>196</v>
      </c>
      <c r="C37" s="7"/>
      <c r="D37" s="20" t="s">
        <v>33</v>
      </c>
      <c r="E37" s="20" t="s">
        <v>33</v>
      </c>
      <c r="F37" s="20">
        <v>306</v>
      </c>
      <c r="G37" s="126"/>
      <c r="H37" s="243"/>
    </row>
    <row r="38" spans="2:8" ht="27" hidden="1" customHeight="1" x14ac:dyDescent="0.2">
      <c r="B38" s="267" t="s">
        <v>158</v>
      </c>
      <c r="C38" s="7"/>
      <c r="D38" s="20" t="s">
        <v>33</v>
      </c>
      <c r="E38" s="20">
        <v>1954</v>
      </c>
      <c r="F38" s="20" t="s">
        <v>33</v>
      </c>
      <c r="G38" s="126" t="s">
        <v>33</v>
      </c>
      <c r="H38" s="243" t="s">
        <v>33</v>
      </c>
    </row>
    <row r="39" spans="2:8" ht="27" hidden="1" customHeight="1" x14ac:dyDescent="0.2">
      <c r="B39" s="267" t="s">
        <v>45</v>
      </c>
      <c r="C39" s="7"/>
      <c r="D39" s="20" t="s">
        <v>33</v>
      </c>
      <c r="E39" s="20" t="s">
        <v>33</v>
      </c>
      <c r="F39" s="20" t="s">
        <v>33</v>
      </c>
      <c r="G39" s="126" t="s">
        <v>33</v>
      </c>
      <c r="H39" s="243" t="s">
        <v>33</v>
      </c>
    </row>
    <row r="40" spans="2:8" ht="27" customHeight="1" x14ac:dyDescent="0.2">
      <c r="B40" s="118" t="s">
        <v>133</v>
      </c>
      <c r="C40" s="7"/>
      <c r="D40" s="22">
        <v>39559</v>
      </c>
      <c r="E40" s="22">
        <v>4991</v>
      </c>
      <c r="F40" s="22">
        <v>19136</v>
      </c>
      <c r="G40" s="236">
        <v>24100</v>
      </c>
      <c r="H40" s="248">
        <v>9090</v>
      </c>
    </row>
    <row r="41" spans="2:8" ht="27" customHeight="1" x14ac:dyDescent="0.2">
      <c r="B41" s="119" t="s">
        <v>242</v>
      </c>
      <c r="C41" s="7"/>
      <c r="D41" s="263">
        <v>-587</v>
      </c>
      <c r="E41" s="263">
        <v>89416</v>
      </c>
      <c r="F41" s="263">
        <v>58428</v>
      </c>
      <c r="G41" s="264">
        <v>32331</v>
      </c>
      <c r="H41" s="265">
        <v>66442</v>
      </c>
    </row>
    <row r="42" spans="2:8" ht="27" customHeight="1" x14ac:dyDescent="0.2">
      <c r="B42" s="118" t="s">
        <v>256</v>
      </c>
      <c r="C42" s="7"/>
      <c r="D42" s="20"/>
      <c r="E42" s="20"/>
      <c r="F42" s="20"/>
      <c r="G42" s="126"/>
      <c r="H42" s="221"/>
    </row>
    <row r="43" spans="2:8" ht="27" customHeight="1" x14ac:dyDescent="0.2">
      <c r="B43" s="119" t="s">
        <v>257</v>
      </c>
      <c r="C43" s="7"/>
      <c r="D43" s="20">
        <v>20137</v>
      </c>
      <c r="E43" s="20">
        <v>14238</v>
      </c>
      <c r="F43" s="20">
        <v>13698</v>
      </c>
      <c r="G43" s="126">
        <v>11820</v>
      </c>
      <c r="H43" s="219">
        <v>14657</v>
      </c>
    </row>
    <row r="44" spans="2:8" ht="27" customHeight="1" x14ac:dyDescent="0.2">
      <c r="B44" s="119" t="s">
        <v>258</v>
      </c>
      <c r="C44" s="7"/>
      <c r="D44" s="20">
        <v>3600</v>
      </c>
      <c r="E44" s="20">
        <v>4472</v>
      </c>
      <c r="F44" s="20">
        <v>-12464</v>
      </c>
      <c r="G44" s="126">
        <v>5952</v>
      </c>
      <c r="H44" s="219">
        <v>-442</v>
      </c>
    </row>
    <row r="45" spans="2:8" ht="27" customHeight="1" x14ac:dyDescent="0.2">
      <c r="B45" s="119" t="s">
        <v>259</v>
      </c>
      <c r="C45" s="7"/>
      <c r="D45" s="21">
        <v>23738</v>
      </c>
      <c r="E45" s="21">
        <v>18711</v>
      </c>
      <c r="F45" s="21">
        <v>1234</v>
      </c>
      <c r="G45" s="225">
        <v>17773</v>
      </c>
      <c r="H45" s="221">
        <v>14215</v>
      </c>
    </row>
    <row r="46" spans="2:8" ht="27" customHeight="1" x14ac:dyDescent="0.2">
      <c r="B46" s="118" t="s">
        <v>183</v>
      </c>
      <c r="C46" s="7"/>
      <c r="D46" s="263">
        <v>-24325</v>
      </c>
      <c r="E46" s="263">
        <v>70705</v>
      </c>
      <c r="F46" s="263">
        <v>57194</v>
      </c>
      <c r="G46" s="264">
        <v>14558</v>
      </c>
      <c r="H46" s="214">
        <v>52227</v>
      </c>
    </row>
    <row r="47" spans="2:8" ht="27" customHeight="1" x14ac:dyDescent="0.2">
      <c r="B47" s="119" t="s">
        <v>197</v>
      </c>
      <c r="C47" s="7"/>
      <c r="D47" s="20">
        <v>551</v>
      </c>
      <c r="E47" s="20">
        <v>479</v>
      </c>
      <c r="F47" s="20">
        <v>-6817</v>
      </c>
      <c r="G47" s="126">
        <v>831</v>
      </c>
      <c r="H47" s="219">
        <v>-1036</v>
      </c>
    </row>
    <row r="48" spans="2:8" ht="27" customHeight="1" x14ac:dyDescent="0.2">
      <c r="B48" s="120" t="s">
        <v>243</v>
      </c>
      <c r="C48" s="12"/>
      <c r="D48" s="23">
        <v>-24877</v>
      </c>
      <c r="E48" s="23">
        <v>70225</v>
      </c>
      <c r="F48" s="23">
        <v>64012</v>
      </c>
      <c r="G48" s="127">
        <v>13726</v>
      </c>
      <c r="H48" s="214">
        <v>53263</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0"/>
  <sheetViews>
    <sheetView showGridLines="0" zoomScaleNormal="100" workbookViewId="0">
      <selection activeCell="A2" sqref="A2"/>
    </sheetView>
  </sheetViews>
  <sheetFormatPr defaultRowHeight="12.75" x14ac:dyDescent="0.2"/>
  <cols>
    <col min="1" max="1" width="2.625" style="1" customWidth="1"/>
    <col min="2" max="2" width="52.625" style="1" customWidth="1"/>
    <col min="3" max="3" width="1.625" style="1" customWidth="1"/>
    <col min="4" max="6" width="15.625" style="1" customWidth="1"/>
    <col min="7" max="8" width="15.625" style="209" customWidth="1"/>
    <col min="9" max="9" width="2.625" style="1" customWidth="1"/>
    <col min="10" max="16384" width="9" style="1"/>
  </cols>
  <sheetData>
    <row r="1" spans="1:9" ht="21" x14ac:dyDescent="0.2">
      <c r="B1" s="2" t="s">
        <v>1</v>
      </c>
      <c r="H1" s="211" t="s">
        <v>43</v>
      </c>
    </row>
    <row r="2" spans="1:9" ht="15.75" customHeight="1" x14ac:dyDescent="0.2">
      <c r="A2" s="3"/>
      <c r="B2" s="4"/>
      <c r="C2" s="5"/>
      <c r="D2" s="11" t="s">
        <v>152</v>
      </c>
      <c r="E2" s="11" t="s">
        <v>191</v>
      </c>
      <c r="F2" s="11" t="s">
        <v>192</v>
      </c>
      <c r="G2" s="212" t="s">
        <v>229</v>
      </c>
      <c r="H2" s="213" t="s">
        <v>232</v>
      </c>
      <c r="I2" s="3"/>
    </row>
    <row r="3" spans="1:9" ht="30" customHeight="1" x14ac:dyDescent="0.2">
      <c r="A3" s="3"/>
      <c r="B3" s="13" t="s">
        <v>260</v>
      </c>
      <c r="C3" s="7"/>
      <c r="D3" s="25">
        <v>127231</v>
      </c>
      <c r="E3" s="25">
        <v>105270</v>
      </c>
      <c r="F3" s="25">
        <v>78305</v>
      </c>
      <c r="G3" s="245">
        <v>68453</v>
      </c>
      <c r="H3" s="246">
        <v>204642</v>
      </c>
      <c r="I3" s="3"/>
    </row>
    <row r="4" spans="1:9" ht="30" customHeight="1" x14ac:dyDescent="0.2">
      <c r="A4" s="3"/>
      <c r="B4" s="13" t="s">
        <v>261</v>
      </c>
      <c r="C4" s="7"/>
      <c r="D4" s="25">
        <v>-90677</v>
      </c>
      <c r="E4" s="25">
        <v>-126006</v>
      </c>
      <c r="F4" s="25">
        <v>-168052</v>
      </c>
      <c r="G4" s="245">
        <v>-128249</v>
      </c>
      <c r="H4" s="247">
        <v>-14114</v>
      </c>
      <c r="I4" s="3"/>
    </row>
    <row r="5" spans="1:9" ht="30" customHeight="1" x14ac:dyDescent="0.2">
      <c r="A5" s="3"/>
      <c r="B5" s="13" t="s">
        <v>262</v>
      </c>
      <c r="C5" s="7"/>
      <c r="D5" s="25">
        <v>272199</v>
      </c>
      <c r="E5" s="25">
        <v>-29133</v>
      </c>
      <c r="F5" s="25">
        <v>-88517</v>
      </c>
      <c r="G5" s="245">
        <v>4560</v>
      </c>
      <c r="H5" s="246">
        <v>-76724</v>
      </c>
      <c r="I5" s="3"/>
    </row>
    <row r="6" spans="1:9" ht="30" customHeight="1" x14ac:dyDescent="0.2">
      <c r="A6" s="3"/>
      <c r="B6" s="13" t="s">
        <v>263</v>
      </c>
      <c r="C6" s="7"/>
      <c r="D6" s="25">
        <v>-4443</v>
      </c>
      <c r="E6" s="25">
        <v>852</v>
      </c>
      <c r="F6" s="25">
        <v>1685</v>
      </c>
      <c r="G6" s="245">
        <v>-3239</v>
      </c>
      <c r="H6" s="246">
        <v>8665</v>
      </c>
      <c r="I6" s="3"/>
    </row>
    <row r="7" spans="1:9" ht="30" customHeight="1" x14ac:dyDescent="0.2">
      <c r="A7" s="3"/>
      <c r="B7" s="13" t="s">
        <v>264</v>
      </c>
      <c r="C7" s="7"/>
      <c r="D7" s="25">
        <v>304310</v>
      </c>
      <c r="E7" s="25">
        <v>-49017</v>
      </c>
      <c r="F7" s="25">
        <v>-176577</v>
      </c>
      <c r="G7" s="245">
        <v>-58474</v>
      </c>
      <c r="H7" s="246">
        <v>122469</v>
      </c>
      <c r="I7" s="3"/>
    </row>
    <row r="8" spans="1:9" ht="30" customHeight="1" x14ac:dyDescent="0.2">
      <c r="A8" s="3"/>
      <c r="B8" s="13" t="s">
        <v>265</v>
      </c>
      <c r="C8" s="7"/>
      <c r="D8" s="20">
        <v>149533</v>
      </c>
      <c r="E8" s="20">
        <v>453477</v>
      </c>
      <c r="F8" s="20">
        <v>404001</v>
      </c>
      <c r="G8" s="126">
        <v>228798</v>
      </c>
      <c r="H8" s="243">
        <v>170323</v>
      </c>
      <c r="I8" s="3"/>
    </row>
    <row r="9" spans="1:9" ht="30" customHeight="1" x14ac:dyDescent="0.2">
      <c r="B9" s="13" t="s">
        <v>266</v>
      </c>
      <c r="C9" s="3"/>
      <c r="D9" s="20">
        <v>-365</v>
      </c>
      <c r="E9" s="20">
        <v>-458</v>
      </c>
      <c r="F9" s="20">
        <v>1374</v>
      </c>
      <c r="G9" s="126" t="s">
        <v>33</v>
      </c>
      <c r="H9" s="239" t="s">
        <v>33</v>
      </c>
    </row>
    <row r="10" spans="1:9" ht="30" customHeight="1" x14ac:dyDescent="0.2">
      <c r="B10" s="19" t="s">
        <v>267</v>
      </c>
      <c r="C10" s="8"/>
      <c r="D10" s="23">
        <v>453477</v>
      </c>
      <c r="E10" s="23">
        <v>404001</v>
      </c>
      <c r="F10" s="23">
        <v>228798</v>
      </c>
      <c r="G10" s="127">
        <v>170323</v>
      </c>
      <c r="H10" s="214">
        <v>292792</v>
      </c>
    </row>
  </sheetData>
  <phoneticPr fontId="1"/>
  <printOptions horizontalCentered="1"/>
  <pageMargins left="0.59055118110236227" right="0.78740157480314965" top="0.59055118110236227" bottom="0.59055118110236227" header="0.51181102362204722" footer="0.51181102362204722"/>
  <pageSetup paperSize="9" scale="90" orientation="landscape" horizontalDpi="300"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F46171C-43E7-4CBE-8C1C-5B2997138DE9}">
  <ds:schemaRefs>
    <ds:schemaRef ds:uri="http://schemas.microsoft.com/sharepoint/v3/contenttype/forms"/>
  </ds:schemaRefs>
</ds:datastoreItem>
</file>

<file path=customXml/itemProps2.xml><?xml version="1.0" encoding="utf-8"?>
<ds:datastoreItem xmlns:ds="http://schemas.openxmlformats.org/officeDocument/2006/customXml" ds:itemID="{6CB2868E-9F4E-45C5-BCEB-FBC24089E5A1}">
  <ds:schemaRefs>
    <ds:schemaRef ds:uri="http://schemas.microsoft.com/office/2006/documentManagement/types"/>
    <ds:schemaRef ds:uri="http://schemas.openxmlformats.org/package/2006/metadata/core-properties"/>
    <ds:schemaRef ds:uri="http://www.w3.org/XML/1998/namespace"/>
    <ds:schemaRef ds:uri="http://purl.org/dc/dcmitype/"/>
    <ds:schemaRef ds:uri="http://schemas.microsoft.com/office/infopath/2007/PartnerControls"/>
    <ds:schemaRef ds:uri="http://schemas.microsoft.com/office/2006/metadata/properties"/>
    <ds:schemaRef ds:uri="http://purl.org/dc/terms/"/>
    <ds:schemaRef ds:uri="http://purl.org/dc/elements/1.1/"/>
  </ds:schemaRefs>
</ds:datastoreItem>
</file>

<file path=customXml/itemProps3.xml><?xml version="1.0" encoding="utf-8"?>
<ds:datastoreItem xmlns:ds="http://schemas.openxmlformats.org/officeDocument/2006/customXml" ds:itemID="{390CAC8F-7E44-440F-973C-12A1AFDABB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Cover</vt:lpstr>
      <vt:lpstr>Financial Summary</vt:lpstr>
      <vt:lpstr>Information by Segment</vt:lpstr>
      <vt:lpstr>Balance Sheets</vt:lpstr>
      <vt:lpstr>Statements of Operation</vt:lpstr>
      <vt:lpstr>Statements of Cash Flows</vt:lpstr>
      <vt:lpstr>'Balance Sheets'!Print_Area</vt:lpstr>
      <vt:lpstr>Cover!Print_Area</vt:lpstr>
      <vt:lpstr>'Financial Summary'!Print_Area</vt:lpstr>
      <vt:lpstr>'Information by Segment'!Print_Area</vt:lpstr>
      <vt:lpstr>'Statements of Cash Flows'!Print_Area</vt:lpstr>
      <vt:lpstr>'Statements of Operation'!Print_Area</vt:lpstr>
      <vt:lpstr>'Financial Summary'!Print_Titles</vt:lpstr>
      <vt:lpstr>'Information by Segment'!Print_Titles</vt:lpstr>
      <vt:lpstr>'Statements of Cash Flow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12-28T05:36:41Z</cp:lastPrinted>
  <dcterms:created xsi:type="dcterms:W3CDTF">2005-04-11T02:34:13Z</dcterms:created>
  <dcterms:modified xsi:type="dcterms:W3CDTF">2024-03-19T04:36:5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